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49_HP過去データの整理\年齢別\（R4）\"/>
    </mc:Choice>
  </mc:AlternateContent>
  <bookViews>
    <workbookView xWindow="0" yWindow="0" windowWidth="28800" windowHeight="13740" tabRatio="986"/>
  </bookViews>
  <sheets>
    <sheet name="神奈川県" sheetId="1" r:id="rId1"/>
    <sheet name="横浜市" sheetId="6" r:id="rId2"/>
    <sheet name="鶴見区" sheetId="7" r:id="rId3"/>
    <sheet name="神奈川区" sheetId="8" r:id="rId4"/>
    <sheet name="西区" sheetId="9" r:id="rId5"/>
    <sheet name="中区" sheetId="10" r:id="rId6"/>
    <sheet name="南区" sheetId="11" r:id="rId7"/>
    <sheet name="保土ケ谷区" sheetId="12" r:id="rId8"/>
    <sheet name="磯子区" sheetId="13" r:id="rId9"/>
    <sheet name="金沢区" sheetId="14" r:id="rId10"/>
    <sheet name="港北区" sheetId="15" r:id="rId11"/>
    <sheet name="戸塚区" sheetId="16" r:id="rId12"/>
    <sheet name="港南区" sheetId="17" r:id="rId13"/>
    <sheet name="旭区" sheetId="18" r:id="rId14"/>
    <sheet name="緑区" sheetId="19" r:id="rId15"/>
    <sheet name="瀬谷区" sheetId="20" r:id="rId16"/>
    <sheet name="栄区" sheetId="21" r:id="rId17"/>
    <sheet name="泉区" sheetId="22" r:id="rId18"/>
    <sheet name="青葉区" sheetId="23" r:id="rId19"/>
    <sheet name="都筑区" sheetId="24" r:id="rId20"/>
    <sheet name="川崎市" sheetId="25" r:id="rId21"/>
    <sheet name="川崎区" sheetId="26" r:id="rId22"/>
    <sheet name="幸区" sheetId="27" r:id="rId23"/>
    <sheet name="中原区" sheetId="28" r:id="rId24"/>
    <sheet name="高津区" sheetId="29" r:id="rId25"/>
    <sheet name="多摩区" sheetId="30" r:id="rId26"/>
    <sheet name="宮前区" sheetId="31" r:id="rId27"/>
    <sheet name="麻生区" sheetId="32" r:id="rId28"/>
    <sheet name="横須賀三浦" sheetId="2" r:id="rId29"/>
    <sheet name="横須賀市" sheetId="37" r:id="rId30"/>
    <sheet name="鎌倉市" sheetId="39" r:id="rId31"/>
    <sheet name="逗子市" sheetId="43" r:id="rId32"/>
    <sheet name="三浦市" sheetId="44" r:id="rId33"/>
    <sheet name="葉山町" sheetId="53" r:id="rId34"/>
    <sheet name="県央" sheetId="3" r:id="rId35"/>
    <sheet name="相模原市" sheetId="33" r:id="rId36"/>
    <sheet name="緑区(相)" sheetId="34" r:id="rId37"/>
    <sheet name="中央区" sheetId="35" r:id="rId38"/>
    <sheet name="南区(相)" sheetId="36" r:id="rId39"/>
    <sheet name="厚木市" sheetId="46" r:id="rId40"/>
    <sheet name="大和市" sheetId="47" r:id="rId41"/>
    <sheet name="海老名市" sheetId="49" r:id="rId42"/>
    <sheet name="座間市" sheetId="50" r:id="rId43"/>
    <sheet name="綾瀬市" sheetId="52" r:id="rId44"/>
    <sheet name="愛川町" sheetId="65" r:id="rId45"/>
    <sheet name="清川村" sheetId="66" r:id="rId46"/>
    <sheet name="湘南" sheetId="4" r:id="rId47"/>
    <sheet name="平塚市" sheetId="38" r:id="rId48"/>
    <sheet name="藤沢市" sheetId="40" r:id="rId49"/>
    <sheet name="茅ヶ崎市" sheetId="42" r:id="rId50"/>
    <sheet name="秦野市" sheetId="45" r:id="rId51"/>
    <sheet name="伊勢原市" sheetId="48" r:id="rId52"/>
    <sheet name="寒川町" sheetId="54" r:id="rId53"/>
    <sheet name="大磯町" sheetId="55" r:id="rId54"/>
    <sheet name="二宮町" sheetId="56" r:id="rId55"/>
    <sheet name="県西" sheetId="5" r:id="rId56"/>
    <sheet name="小田原市" sheetId="41" r:id="rId57"/>
    <sheet name="南足柄市" sheetId="51" r:id="rId58"/>
    <sheet name="中井町" sheetId="57" r:id="rId59"/>
    <sheet name="大井町" sheetId="58" r:id="rId60"/>
    <sheet name="松田町" sheetId="59" r:id="rId61"/>
    <sheet name="山北町" sheetId="60" r:id="rId62"/>
    <sheet name="開成町" sheetId="61" r:id="rId63"/>
    <sheet name="箱根町" sheetId="62" r:id="rId64"/>
    <sheet name="真鶴町" sheetId="63" r:id="rId65"/>
    <sheet name="湯河原町" sheetId="64" r:id="rId66"/>
  </sheets>
  <definedNames>
    <definedName name="_xlnm._FilterDatabase" localSheetId="0" hidden="1">神奈川県!$A$1:$A$79</definedName>
    <definedName name="_xlnm.Print_Area" localSheetId="44">愛川町!$A$1:$K$66</definedName>
    <definedName name="_xlnm.Print_Area" localSheetId="13">旭区!$A$1:$K$66</definedName>
    <definedName name="_xlnm.Print_Area" localSheetId="43">綾瀬市!$A$1:$K$66</definedName>
    <definedName name="_xlnm.Print_Area" localSheetId="51">伊勢原市!$A$1:$K$66</definedName>
    <definedName name="_xlnm.Print_Area" localSheetId="8">磯子区!$A$1:$K$66</definedName>
    <definedName name="_xlnm.Print_Area" localSheetId="16">栄区!$A$1:$K$66</definedName>
    <definedName name="_xlnm.Print_Area" localSheetId="28">横須賀三浦!$A$1:$K$66</definedName>
    <definedName name="_xlnm.Print_Area" localSheetId="29">横須賀市!$A$1:$K$66</definedName>
    <definedName name="_xlnm.Print_Area" localSheetId="1">横浜市!$A$1:$K$66</definedName>
    <definedName name="_xlnm.Print_Area" localSheetId="41">海老名市!$A$1:$K$66</definedName>
    <definedName name="_xlnm.Print_Area" localSheetId="62">開成町!$A$1:$K$66</definedName>
    <definedName name="_xlnm.Print_Area" localSheetId="30">鎌倉市!$A$1:$K$66</definedName>
    <definedName name="_xlnm.Print_Area" localSheetId="49">茅ヶ崎市!$A$1:$K$66</definedName>
    <definedName name="_xlnm.Print_Area" localSheetId="52">寒川町!$A$1:$K$66</definedName>
    <definedName name="_xlnm.Print_Area" localSheetId="26">宮前区!$A$1:$K$66</definedName>
    <definedName name="_xlnm.Print_Area" localSheetId="9">金沢区!$A$1:$K$66</definedName>
    <definedName name="_xlnm.Print_Area" localSheetId="34">県央!$A$1:$K$66</definedName>
    <definedName name="_xlnm.Print_Area" localSheetId="55">県西!$A$1:$K$66</definedName>
    <definedName name="_xlnm.Print_Area" localSheetId="11">戸塚区!$A$1:$K$66</definedName>
    <definedName name="_xlnm.Print_Area" localSheetId="39">厚木市!$A$1:$K$66</definedName>
    <definedName name="_xlnm.Print_Area" localSheetId="22">幸区!$A$1:$K$66</definedName>
    <definedName name="_xlnm.Print_Area" localSheetId="12">港南区!$A$1:$K$66</definedName>
    <definedName name="_xlnm.Print_Area" localSheetId="10">港北区!$A$1:$K$66</definedName>
    <definedName name="_xlnm.Print_Area" localSheetId="24">高津区!$A$1:$K$66</definedName>
    <definedName name="_xlnm.Print_Area" localSheetId="42">座間市!$A$1:$K$66</definedName>
    <definedName name="_xlnm.Print_Area" localSheetId="32">三浦市!$A$1:$K$66</definedName>
    <definedName name="_xlnm.Print_Area" localSheetId="61">山北町!$A$1:$K$66</definedName>
    <definedName name="_xlnm.Print_Area" localSheetId="56">小田原市!$A$1:$K$66</definedName>
    <definedName name="_xlnm.Print_Area" localSheetId="60">松田町!$A$1:$K$66</definedName>
    <definedName name="_xlnm.Print_Area" localSheetId="46">湘南!$A$1:$K$66</definedName>
    <definedName name="_xlnm.Print_Area" localSheetId="64">真鶴町!$A$1:$K$66</definedName>
    <definedName name="_xlnm.Print_Area" localSheetId="3">神奈川区!$A$1:$K$66</definedName>
    <definedName name="_xlnm.Print_Area" localSheetId="0">神奈川県!$A$1:$K$66</definedName>
    <definedName name="_xlnm.Print_Area" localSheetId="50">秦野市!$A$1:$K$66</definedName>
    <definedName name="_xlnm.Print_Area" localSheetId="31">逗子市!$A$1:$K$66</definedName>
    <definedName name="_xlnm.Print_Area" localSheetId="15">瀬谷区!$A$1:$K$66</definedName>
    <definedName name="_xlnm.Print_Area" localSheetId="45">清川村!$A$1:$K$66</definedName>
    <definedName name="_xlnm.Print_Area" localSheetId="4">西区!$A$1:$K$66</definedName>
    <definedName name="_xlnm.Print_Area" localSheetId="18">青葉区!$A$1:$K$66</definedName>
    <definedName name="_xlnm.Print_Area" localSheetId="21">川崎区!$A$1:$K$66</definedName>
    <definedName name="_xlnm.Print_Area" localSheetId="20">川崎市!$A$1:$K$66</definedName>
    <definedName name="_xlnm.Print_Area" localSheetId="17">泉区!$A$1:$K$66</definedName>
    <definedName name="_xlnm.Print_Area" localSheetId="35">相模原市!$A$1:$K$66</definedName>
    <definedName name="_xlnm.Print_Area" localSheetId="25">多摩区!$A$1:$K$66</definedName>
    <definedName name="_xlnm.Print_Area" localSheetId="59">大井町!$A$1:$K$66</definedName>
    <definedName name="_xlnm.Print_Area" localSheetId="53">大磯町!$A$1:$K$66</definedName>
    <definedName name="_xlnm.Print_Area" localSheetId="40">大和市!$A$1:$K$66</definedName>
    <definedName name="_xlnm.Print_Area" localSheetId="58">中井町!$A$1:$K$66</definedName>
    <definedName name="_xlnm.Print_Area" localSheetId="37">中央区!$A$1:$K$66</definedName>
    <definedName name="_xlnm.Print_Area" localSheetId="5">中区!$A$1:$K$66</definedName>
    <definedName name="_xlnm.Print_Area" localSheetId="23">中原区!$A$1:$K$66</definedName>
    <definedName name="_xlnm.Print_Area" localSheetId="2">鶴見区!$A$1:$K$66</definedName>
    <definedName name="_xlnm.Print_Area" localSheetId="19">都筑区!$A$1:$K$66</definedName>
    <definedName name="_xlnm.Print_Area" localSheetId="65">湯河原町!$A$1:$K$66</definedName>
    <definedName name="_xlnm.Print_Area" localSheetId="48">藤沢市!$A$1:$K$66</definedName>
    <definedName name="_xlnm.Print_Area" localSheetId="6">南区!$A$1:$K$66</definedName>
    <definedName name="_xlnm.Print_Area" localSheetId="38">'南区(相)'!$A$1:$K$66</definedName>
    <definedName name="_xlnm.Print_Area" localSheetId="57">南足柄市!$A$1:$K$66</definedName>
    <definedName name="_xlnm.Print_Area" localSheetId="54">二宮町!$A$1:$K$66</definedName>
    <definedName name="_xlnm.Print_Area" localSheetId="63">箱根町!$A$1:$K$66</definedName>
    <definedName name="_xlnm.Print_Area" localSheetId="47">平塚市!$A$1:$K$66</definedName>
    <definedName name="_xlnm.Print_Area" localSheetId="7">保土ケ谷区!$A$1:$K$66</definedName>
    <definedName name="_xlnm.Print_Area" localSheetId="27">麻生区!$A$1:$K$66</definedName>
    <definedName name="_xlnm.Print_Area" localSheetId="33">葉山町!$A$1:$K$66</definedName>
    <definedName name="_xlnm.Print_Area" localSheetId="14">緑区!$A$1:$K$66</definedName>
    <definedName name="_xlnm.Print_Area" localSheetId="36">'緑区(相)'!$A$1:$K$6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844" uniqueCount="194">
  <si>
    <t>第１表　年齢(各歳・５歳階級)別、男女別人口</t>
  </si>
  <si>
    <t>神奈川県</t>
  </si>
  <si>
    <t>(単位：人）令和4年1月1日現在</t>
    <rPh sb="1" eb="3">
      <t>タンイ</t>
    </rPh>
    <rPh sb="4" eb="5">
      <t>ニン</t>
    </rPh>
    <rPh sb="6" eb="8">
      <t>レイワ</t>
    </rPh>
    <phoneticPr fontId="6"/>
  </si>
  <si>
    <t>年　齢</t>
  </si>
  <si>
    <t>総　数</t>
  </si>
  <si>
    <t>男</t>
  </si>
  <si>
    <t>女</t>
  </si>
  <si>
    <t>0～4</t>
  </si>
  <si>
    <t>50～54</t>
  </si>
  <si>
    <t>0</t>
  </si>
  <si>
    <t>50</t>
  </si>
  <si>
    <t>1</t>
  </si>
  <si>
    <t>51</t>
  </si>
  <si>
    <t>2</t>
  </si>
  <si>
    <t>52</t>
  </si>
  <si>
    <t>3</t>
  </si>
  <si>
    <t>53</t>
  </si>
  <si>
    <t>4</t>
  </si>
  <si>
    <t>54</t>
  </si>
  <si>
    <t>5～9</t>
  </si>
  <si>
    <t>55～59</t>
  </si>
  <si>
    <t>5</t>
  </si>
  <si>
    <t>55</t>
  </si>
  <si>
    <t>6</t>
  </si>
  <si>
    <t>56</t>
  </si>
  <si>
    <t>7</t>
  </si>
  <si>
    <t>57</t>
  </si>
  <si>
    <t>8</t>
  </si>
  <si>
    <t>58</t>
  </si>
  <si>
    <t>9</t>
  </si>
  <si>
    <t>59</t>
  </si>
  <si>
    <t>10～14</t>
  </si>
  <si>
    <t>60～64</t>
  </si>
  <si>
    <t>10</t>
  </si>
  <si>
    <t>60</t>
  </si>
  <si>
    <t>11</t>
  </si>
  <si>
    <t>61</t>
  </si>
  <si>
    <t>12</t>
  </si>
  <si>
    <t>62</t>
  </si>
  <si>
    <t>13</t>
  </si>
  <si>
    <t>63</t>
  </si>
  <si>
    <t>14</t>
  </si>
  <si>
    <t>64</t>
  </si>
  <si>
    <t>15～19</t>
  </si>
  <si>
    <t>65～69</t>
  </si>
  <si>
    <t>15</t>
  </si>
  <si>
    <t>65</t>
  </si>
  <si>
    <t>16</t>
  </si>
  <si>
    <t>66</t>
  </si>
  <si>
    <t>17</t>
  </si>
  <si>
    <t>67</t>
  </si>
  <si>
    <t>18</t>
  </si>
  <si>
    <t>68</t>
  </si>
  <si>
    <t>19</t>
  </si>
  <si>
    <t>69</t>
  </si>
  <si>
    <t>20～24</t>
  </si>
  <si>
    <t>70～74</t>
  </si>
  <si>
    <t>20</t>
  </si>
  <si>
    <t>70</t>
  </si>
  <si>
    <t>21</t>
  </si>
  <si>
    <t>71</t>
  </si>
  <si>
    <t>22</t>
  </si>
  <si>
    <t>72</t>
  </si>
  <si>
    <t>23</t>
  </si>
  <si>
    <t>73</t>
  </si>
  <si>
    <t>24</t>
  </si>
  <si>
    <t>74</t>
  </si>
  <si>
    <t>25～29</t>
  </si>
  <si>
    <t>75～79</t>
  </si>
  <si>
    <t>25</t>
  </si>
  <si>
    <t>75</t>
  </si>
  <si>
    <t>26</t>
  </si>
  <si>
    <t>76</t>
  </si>
  <si>
    <t>27</t>
  </si>
  <si>
    <t>77</t>
  </si>
  <si>
    <t>28</t>
  </si>
  <si>
    <t>78</t>
  </si>
  <si>
    <t>29</t>
  </si>
  <si>
    <t>79</t>
  </si>
  <si>
    <t>30～34</t>
  </si>
  <si>
    <t>80～84</t>
  </si>
  <si>
    <t>30</t>
  </si>
  <si>
    <t>80</t>
  </si>
  <si>
    <t>31</t>
  </si>
  <si>
    <t>81</t>
  </si>
  <si>
    <t>32</t>
  </si>
  <si>
    <t>82</t>
  </si>
  <si>
    <t>33</t>
  </si>
  <si>
    <t>83</t>
  </si>
  <si>
    <t>34</t>
  </si>
  <si>
    <t>84</t>
  </si>
  <si>
    <t>35～39</t>
  </si>
  <si>
    <t>85～89</t>
  </si>
  <si>
    <t>35</t>
  </si>
  <si>
    <t>85</t>
  </si>
  <si>
    <t>36</t>
  </si>
  <si>
    <t>86</t>
  </si>
  <si>
    <t>37</t>
  </si>
  <si>
    <t>87</t>
  </si>
  <si>
    <t>38</t>
  </si>
  <si>
    <t>88</t>
  </si>
  <si>
    <t>39</t>
  </si>
  <si>
    <t>89</t>
  </si>
  <si>
    <t>40～44</t>
  </si>
  <si>
    <t>90～94</t>
  </si>
  <si>
    <t>40</t>
  </si>
  <si>
    <t>90</t>
  </si>
  <si>
    <t>41</t>
  </si>
  <si>
    <t>91</t>
  </si>
  <si>
    <t>42</t>
  </si>
  <si>
    <t>92</t>
  </si>
  <si>
    <t>43</t>
  </si>
  <si>
    <t>93</t>
  </si>
  <si>
    <t>44</t>
  </si>
  <si>
    <t>94</t>
  </si>
  <si>
    <t>45～49</t>
  </si>
  <si>
    <t>95～99</t>
  </si>
  <si>
    <t>45</t>
  </si>
  <si>
    <t>95</t>
  </si>
  <si>
    <t>46</t>
  </si>
  <si>
    <t>96</t>
  </si>
  <si>
    <t>47</t>
  </si>
  <si>
    <t>97</t>
  </si>
  <si>
    <t>48</t>
  </si>
  <si>
    <t>98</t>
  </si>
  <si>
    <t>49</t>
  </si>
  <si>
    <t>99</t>
  </si>
  <si>
    <t>100以上</t>
  </si>
  <si>
    <t>年齢不詳</t>
  </si>
  <si>
    <t>横須賀三浦地域</t>
    <rPh sb="5" eb="7">
      <t>チイキ</t>
    </rPh>
    <phoneticPr fontId="6"/>
  </si>
  <si>
    <t>県央地域</t>
    <rPh sb="2" eb="4">
      <t>チイキ</t>
    </rPh>
    <phoneticPr fontId="6"/>
  </si>
  <si>
    <t>湘南地域</t>
    <rPh sb="2" eb="4">
      <t>チイキ</t>
    </rPh>
    <phoneticPr fontId="6"/>
  </si>
  <si>
    <t>県西地域</t>
    <rPh sb="0" eb="1">
      <t>ケン</t>
    </rPh>
    <rPh sb="2" eb="4">
      <t>チイキ</t>
    </rPh>
    <phoneticPr fontId="6"/>
  </si>
  <si>
    <t>横 浜 市</t>
  </si>
  <si>
    <t>横浜市　鶴見区</t>
    <rPh sb="0" eb="3">
      <t>ヨコハマシ</t>
    </rPh>
    <phoneticPr fontId="6"/>
  </si>
  <si>
    <t>横浜市　神奈川区</t>
    <phoneticPr fontId="6"/>
  </si>
  <si>
    <t>横浜市　西区</t>
    <phoneticPr fontId="6"/>
  </si>
  <si>
    <t>横浜市　中区</t>
    <phoneticPr fontId="6"/>
  </si>
  <si>
    <t>横浜市　南区</t>
    <phoneticPr fontId="6"/>
  </si>
  <si>
    <t>横浜市　保土ケ谷区</t>
    <rPh sb="4" eb="8">
      <t>ホドガヤ</t>
    </rPh>
    <rPh sb="8" eb="9">
      <t>ク</t>
    </rPh>
    <phoneticPr fontId="6"/>
  </si>
  <si>
    <t>横浜市　磯子区</t>
    <phoneticPr fontId="6"/>
  </si>
  <si>
    <t>横浜市　金沢区</t>
    <phoneticPr fontId="6"/>
  </si>
  <si>
    <t>横浜市　港北区</t>
    <phoneticPr fontId="6"/>
  </si>
  <si>
    <t>横浜市　戸塚区</t>
    <phoneticPr fontId="6"/>
  </si>
  <si>
    <t>横浜市　港南区</t>
    <phoneticPr fontId="6"/>
  </si>
  <si>
    <t>横浜市　旭区</t>
    <phoneticPr fontId="6"/>
  </si>
  <si>
    <t>横浜市　緑区</t>
    <phoneticPr fontId="6"/>
  </si>
  <si>
    <t>横浜市　瀬谷区</t>
    <phoneticPr fontId="6"/>
  </si>
  <si>
    <t>横浜市　栄区</t>
    <phoneticPr fontId="6"/>
  </si>
  <si>
    <t>横浜市　泉区</t>
    <phoneticPr fontId="6"/>
  </si>
  <si>
    <t>横浜市　青葉区</t>
    <phoneticPr fontId="6"/>
  </si>
  <si>
    <t>横浜市　都筑区</t>
    <phoneticPr fontId="6"/>
  </si>
  <si>
    <t>川 崎 市</t>
  </si>
  <si>
    <t>川崎市　川崎区</t>
    <rPh sb="0" eb="3">
      <t>カワサキシ</t>
    </rPh>
    <phoneticPr fontId="6"/>
  </si>
  <si>
    <t>川崎市　幸区</t>
    <phoneticPr fontId="6"/>
  </si>
  <si>
    <t>川崎市　中原区</t>
    <phoneticPr fontId="6"/>
  </si>
  <si>
    <t>川崎市　高津区</t>
    <phoneticPr fontId="6"/>
  </si>
  <si>
    <t>川崎市　多摩区</t>
    <phoneticPr fontId="6"/>
  </si>
  <si>
    <t>川崎市　宮前区</t>
    <phoneticPr fontId="6"/>
  </si>
  <si>
    <t>川崎市　麻生区</t>
    <phoneticPr fontId="6"/>
  </si>
  <si>
    <t>相模原市</t>
    <rPh sb="0" eb="1">
      <t>ソウ</t>
    </rPh>
    <rPh sb="1" eb="2">
      <t>ボ</t>
    </rPh>
    <rPh sb="2" eb="3">
      <t>ハラ</t>
    </rPh>
    <rPh sb="3" eb="4">
      <t>シ</t>
    </rPh>
    <phoneticPr fontId="6"/>
  </si>
  <si>
    <t>相模原市　緑区</t>
    <rPh sb="0" eb="4">
      <t>サガミハラシ</t>
    </rPh>
    <rPh sb="5" eb="7">
      <t>ミドリク</t>
    </rPh>
    <phoneticPr fontId="6"/>
  </si>
  <si>
    <t>相模原市　中央区</t>
    <rPh sb="5" eb="8">
      <t>チュウオウク</t>
    </rPh>
    <phoneticPr fontId="6"/>
  </si>
  <si>
    <t>相模原市　南区</t>
    <phoneticPr fontId="6"/>
  </si>
  <si>
    <t>横須賀市</t>
  </si>
  <si>
    <t>平 塚 市</t>
  </si>
  <si>
    <t>鎌 倉 市</t>
  </si>
  <si>
    <t>藤 沢 市</t>
  </si>
  <si>
    <t>小田原市</t>
  </si>
  <si>
    <t>茅ヶ崎市</t>
  </si>
  <si>
    <t>逗 子 市</t>
  </si>
  <si>
    <t>三 浦 市</t>
  </si>
  <si>
    <t>秦 野 市</t>
  </si>
  <si>
    <t>厚 木 市</t>
  </si>
  <si>
    <t>大 和 市</t>
  </si>
  <si>
    <t>伊勢原市</t>
  </si>
  <si>
    <t>海老名市</t>
  </si>
  <si>
    <t>座 間 市</t>
  </si>
  <si>
    <t>南足柄市</t>
  </si>
  <si>
    <t>綾 瀬 市</t>
  </si>
  <si>
    <t>葉 山 町</t>
  </si>
  <si>
    <t>寒 川 町</t>
  </si>
  <si>
    <t>大 磯 町</t>
  </si>
  <si>
    <t>二 宮 町</t>
  </si>
  <si>
    <t>中 井 町</t>
  </si>
  <si>
    <t>大 井 町</t>
    <phoneticPr fontId="6"/>
  </si>
  <si>
    <t>松 田 町</t>
  </si>
  <si>
    <t>山 北 町</t>
  </si>
  <si>
    <t>開 成 町</t>
  </si>
  <si>
    <t>箱 根 町</t>
  </si>
  <si>
    <t>真 鶴 町</t>
  </si>
  <si>
    <t>湯河原町</t>
  </si>
  <si>
    <t>愛 川 町</t>
  </si>
  <si>
    <t>清 川 村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>
    <font>
      <sz val="11"/>
      <name val="明朝"/>
      <family val="1"/>
      <charset val="128"/>
    </font>
    <font>
      <sz val="18"/>
      <name val="ＭＳ Ｐ明朝"/>
      <family val="1"/>
      <charset val="128"/>
    </font>
    <font>
      <sz val="6"/>
      <name val="明朝"/>
      <family val="1"/>
      <charset val="128"/>
    </font>
    <font>
      <sz val="11"/>
      <name val="ＭＳ Ｐ明朝"/>
      <family val="1"/>
      <charset val="128"/>
    </font>
    <font>
      <sz val="14"/>
      <name val="ＭＳ Ｐ明朝"/>
      <family val="1"/>
      <charset val="128"/>
    </font>
    <font>
      <sz val="12"/>
      <name val="ＭＳ Ｐ明朝"/>
      <family val="1"/>
      <charset val="128"/>
    </font>
    <font>
      <sz val="6"/>
      <name val="ＭＳ Ｐ明朝"/>
      <family val="1"/>
      <charset val="128"/>
    </font>
    <font>
      <sz val="11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double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double">
        <color indexed="64"/>
      </left>
      <right/>
      <top/>
      <bottom/>
      <diagonal/>
    </border>
  </borders>
  <cellStyleXfs count="2">
    <xf numFmtId="0" fontId="0" fillId="0" borderId="0"/>
    <xf numFmtId="38" fontId="7" fillId="0" borderId="0" applyFont="0" applyFill="0" applyBorder="0" applyAlignment="0" applyProtection="0"/>
  </cellStyleXfs>
  <cellXfs count="42">
    <xf numFmtId="0" fontId="0" fillId="0" borderId="0" xfId="0"/>
    <xf numFmtId="0" fontId="1" fillId="0" borderId="0" xfId="0" applyFont="1" applyFill="1" applyAlignment="1">
      <alignment horizontal="centerContinuous"/>
    </xf>
    <xf numFmtId="0" fontId="1" fillId="0" borderId="0" xfId="0" quotePrefix="1" applyFont="1" applyFill="1" applyAlignment="1">
      <alignment horizontal="centerContinuous"/>
    </xf>
    <xf numFmtId="0" fontId="3" fillId="0" borderId="0" xfId="0" applyFont="1" applyFill="1" applyAlignment="1">
      <alignment horizontal="centerContinuous"/>
    </xf>
    <xf numFmtId="0" fontId="3" fillId="0" borderId="0" xfId="0" applyFont="1" applyFill="1"/>
    <xf numFmtId="0" fontId="4" fillId="0" borderId="1" xfId="0" quotePrefix="1" applyFont="1" applyFill="1" applyBorder="1" applyAlignment="1">
      <alignment horizontal="left"/>
    </xf>
    <xf numFmtId="0" fontId="4" fillId="0" borderId="1" xfId="0" applyFont="1" applyFill="1" applyBorder="1" applyAlignment="1">
      <alignment horizontal="left"/>
    </xf>
    <xf numFmtId="0" fontId="3" fillId="0" borderId="1" xfId="0" quotePrefix="1" applyFont="1" applyFill="1" applyBorder="1" applyAlignment="1">
      <alignment horizontal="left"/>
    </xf>
    <xf numFmtId="0" fontId="3" fillId="0" borderId="1" xfId="0" applyFont="1" applyFill="1" applyBorder="1"/>
    <xf numFmtId="0" fontId="3" fillId="0" borderId="1" xfId="0" quotePrefix="1" applyFont="1" applyFill="1" applyBorder="1" applyAlignment="1">
      <alignment horizontal="center"/>
    </xf>
    <xf numFmtId="0" fontId="3" fillId="0" borderId="2" xfId="0" quotePrefix="1" applyFont="1" applyFill="1" applyBorder="1" applyAlignment="1">
      <alignment horizontal="center"/>
    </xf>
    <xf numFmtId="0" fontId="3" fillId="0" borderId="3" xfId="0" quotePrefix="1" applyFont="1" applyFill="1" applyBorder="1" applyAlignment="1">
      <alignment horizontal="center"/>
    </xf>
    <xf numFmtId="0" fontId="3" fillId="0" borderId="0" xfId="0" quotePrefix="1" applyFont="1" applyFill="1" applyBorder="1" applyAlignment="1">
      <alignment horizontal="center"/>
    </xf>
    <xf numFmtId="3" fontId="3" fillId="0" borderId="4" xfId="0" quotePrefix="1" applyNumberFormat="1" applyFont="1" applyFill="1" applyBorder="1" applyAlignment="1">
      <alignment horizontal="right"/>
    </xf>
    <xf numFmtId="3" fontId="3" fillId="0" borderId="0" xfId="0" quotePrefix="1" applyNumberFormat="1" applyFont="1" applyFill="1" applyBorder="1" applyAlignment="1">
      <alignment horizontal="right"/>
    </xf>
    <xf numFmtId="0" fontId="3" fillId="0" borderId="5" xfId="0" quotePrefix="1" applyFont="1" applyFill="1" applyBorder="1" applyAlignment="1">
      <alignment horizontal="center"/>
    </xf>
    <xf numFmtId="0" fontId="3" fillId="0" borderId="4" xfId="0" quotePrefix="1" applyFont="1" applyFill="1" applyBorder="1" applyAlignment="1">
      <alignment horizontal="center"/>
    </xf>
    <xf numFmtId="0" fontId="3" fillId="0" borderId="0" xfId="0" quotePrefix="1" applyFont="1" applyFill="1" applyBorder="1" applyAlignment="1">
      <alignment horizontal="right"/>
    </xf>
    <xf numFmtId="0" fontId="3" fillId="0" borderId="5" xfId="0" quotePrefix="1" applyFont="1" applyFill="1" applyBorder="1" applyAlignment="1">
      <alignment horizontal="right"/>
    </xf>
    <xf numFmtId="3" fontId="3" fillId="0" borderId="0" xfId="0" applyNumberFormat="1" applyFont="1" applyFill="1" applyBorder="1"/>
    <xf numFmtId="56" fontId="3" fillId="0" borderId="0" xfId="0" quotePrefix="1" applyNumberFormat="1" applyFont="1" applyFill="1" applyBorder="1" applyAlignment="1">
      <alignment horizontal="right"/>
    </xf>
    <xf numFmtId="0" fontId="3" fillId="0" borderId="4" xfId="0" applyFont="1" applyFill="1" applyBorder="1"/>
    <xf numFmtId="0" fontId="3" fillId="0" borderId="0" xfId="0" applyFont="1" applyFill="1" applyBorder="1"/>
    <xf numFmtId="0" fontId="3" fillId="0" borderId="2" xfId="0" applyFont="1" applyFill="1" applyBorder="1"/>
    <xf numFmtId="0" fontId="3" fillId="0" borderId="3" xfId="0" quotePrefix="1" applyFont="1" applyFill="1" applyBorder="1" applyAlignment="1">
      <alignment horizontal="right"/>
    </xf>
    <xf numFmtId="0" fontId="3" fillId="0" borderId="1" xfId="0" quotePrefix="1" applyFont="1" applyFill="1" applyBorder="1" applyAlignment="1">
      <alignment horizontal="right"/>
    </xf>
    <xf numFmtId="3" fontId="3" fillId="0" borderId="2" xfId="0" quotePrefix="1" applyNumberFormat="1" applyFont="1" applyFill="1" applyBorder="1" applyAlignment="1">
      <alignment horizontal="right"/>
    </xf>
    <xf numFmtId="3" fontId="3" fillId="0" borderId="1" xfId="0" applyNumberFormat="1" applyFont="1" applyFill="1" applyBorder="1"/>
    <xf numFmtId="0" fontId="3" fillId="0" borderId="0" xfId="0" applyFont="1" applyFill="1" applyBorder="1" applyAlignment="1">
      <alignment horizontal="center"/>
    </xf>
    <xf numFmtId="2" fontId="3" fillId="0" borderId="0" xfId="0" applyNumberFormat="1" applyFont="1" applyFill="1" applyBorder="1"/>
    <xf numFmtId="0" fontId="3" fillId="0" borderId="2" xfId="0" applyFont="1" applyFill="1" applyBorder="1" applyAlignment="1">
      <alignment horizontal="center"/>
    </xf>
    <xf numFmtId="0" fontId="3" fillId="0" borderId="1" xfId="0" applyFont="1" applyFill="1" applyBorder="1" applyAlignment="1">
      <alignment horizontal="center"/>
    </xf>
    <xf numFmtId="3" fontId="3" fillId="0" borderId="4" xfId="0" applyNumberFormat="1" applyFont="1" applyFill="1" applyBorder="1" applyAlignment="1">
      <alignment horizontal="right"/>
    </xf>
    <xf numFmtId="3" fontId="3" fillId="0" borderId="0" xfId="0" applyNumberFormat="1" applyFont="1" applyFill="1" applyBorder="1" applyAlignment="1">
      <alignment horizontal="right"/>
    </xf>
    <xf numFmtId="0" fontId="3" fillId="0" borderId="4" xfId="0" applyFont="1" applyFill="1" applyBorder="1" applyAlignment="1">
      <alignment horizontal="center"/>
    </xf>
    <xf numFmtId="0" fontId="3" fillId="0" borderId="5" xfId="0" applyFont="1" applyFill="1" applyBorder="1" applyAlignment="1">
      <alignment horizontal="right"/>
    </xf>
    <xf numFmtId="0" fontId="3" fillId="0" borderId="0" xfId="0" applyFont="1" applyFill="1" applyBorder="1" applyAlignment="1">
      <alignment horizontal="right"/>
    </xf>
    <xf numFmtId="3" fontId="3" fillId="0" borderId="2" xfId="0" applyNumberFormat="1" applyFont="1" applyFill="1" applyBorder="1" applyAlignment="1">
      <alignment horizontal="right"/>
    </xf>
    <xf numFmtId="0" fontId="4" fillId="0" borderId="1" xfId="0" applyFont="1" applyFill="1" applyBorder="1"/>
    <xf numFmtId="38" fontId="3" fillId="0" borderId="0" xfId="1" applyFont="1" applyFill="1" applyBorder="1"/>
    <xf numFmtId="0" fontId="5" fillId="0" borderId="1" xfId="0" applyFont="1" applyFill="1" applyBorder="1" applyAlignment="1">
      <alignment horizontal="right"/>
    </xf>
    <xf numFmtId="0" fontId="3" fillId="0" borderId="1" xfId="0" applyFont="1" applyFill="1" applyBorder="1" applyAlignment="1">
      <alignment horizontal="right"/>
    </xf>
  </cellXfs>
  <cellStyles count="2">
    <cellStyle name="桁区切り 2" xfId="1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worksheet" Target="worksheets/sheet26.xml"/><Relationship Id="rId21" Type="http://schemas.openxmlformats.org/officeDocument/2006/relationships/worksheet" Target="worksheets/sheet21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63" Type="http://schemas.openxmlformats.org/officeDocument/2006/relationships/worksheet" Target="worksheets/sheet63.xml"/><Relationship Id="rId68" Type="http://schemas.openxmlformats.org/officeDocument/2006/relationships/styles" Target="styles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sharedStrings" Target="sharedStrings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theme" Target="theme/theme1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9" Type="http://schemas.openxmlformats.org/officeDocument/2006/relationships/worksheet" Target="worksheets/sheet39.xml"/><Relationship Id="rId34" Type="http://schemas.openxmlformats.org/officeDocument/2006/relationships/worksheet" Target="worksheets/sheet34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K79"/>
  <sheetViews>
    <sheetView tabSelected="1"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</v>
      </c>
      <c r="B2" s="6"/>
      <c r="C2" s="7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9231177</v>
      </c>
      <c r="D4" s="14">
        <v>4579919</v>
      </c>
      <c r="E4" s="14">
        <v>465125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319528</v>
      </c>
      <c r="D5" s="14">
        <v>163639</v>
      </c>
      <c r="E5" s="14">
        <v>155889</v>
      </c>
      <c r="F5" s="14"/>
      <c r="G5" s="18" t="s">
        <v>8</v>
      </c>
      <c r="H5" s="17"/>
      <c r="I5" s="13">
        <v>759350</v>
      </c>
      <c r="J5" s="14">
        <v>389889</v>
      </c>
      <c r="K5" s="14">
        <v>369461</v>
      </c>
    </row>
    <row r="6" spans="1:11" ht="15" customHeight="1">
      <c r="A6" s="17" t="s">
        <v>9</v>
      </c>
      <c r="B6" s="17"/>
      <c r="C6" s="13">
        <v>60994</v>
      </c>
      <c r="D6" s="19">
        <v>31266</v>
      </c>
      <c r="E6" s="19">
        <v>29728</v>
      </c>
      <c r="F6" s="19"/>
      <c r="G6" s="18" t="s">
        <v>10</v>
      </c>
      <c r="H6" s="17"/>
      <c r="I6" s="13">
        <v>156242</v>
      </c>
      <c r="J6" s="19">
        <v>79238</v>
      </c>
      <c r="K6" s="19">
        <v>77004</v>
      </c>
    </row>
    <row r="7" spans="1:11" ht="15" customHeight="1">
      <c r="A7" s="17" t="s">
        <v>11</v>
      </c>
      <c r="B7" s="17"/>
      <c r="C7" s="13">
        <v>61107</v>
      </c>
      <c r="D7" s="19">
        <v>31321</v>
      </c>
      <c r="E7" s="19">
        <v>29786</v>
      </c>
      <c r="F7" s="19"/>
      <c r="G7" s="18" t="s">
        <v>12</v>
      </c>
      <c r="H7" s="17"/>
      <c r="I7" s="13">
        <v>154329</v>
      </c>
      <c r="J7" s="19">
        <v>79017</v>
      </c>
      <c r="K7" s="19">
        <v>75312</v>
      </c>
    </row>
    <row r="8" spans="1:11" ht="15" customHeight="1">
      <c r="A8" s="17" t="s">
        <v>13</v>
      </c>
      <c r="B8" s="17"/>
      <c r="C8" s="13">
        <v>63740</v>
      </c>
      <c r="D8" s="19">
        <v>32661</v>
      </c>
      <c r="E8" s="19">
        <v>31079</v>
      </c>
      <c r="F8" s="19"/>
      <c r="G8" s="18" t="s">
        <v>14</v>
      </c>
      <c r="H8" s="17"/>
      <c r="I8" s="13">
        <v>149890</v>
      </c>
      <c r="J8" s="19">
        <v>77081</v>
      </c>
      <c r="K8" s="19">
        <v>72809</v>
      </c>
    </row>
    <row r="9" spans="1:11" ht="15" customHeight="1">
      <c r="A9" s="17" t="s">
        <v>15</v>
      </c>
      <c r="B9" s="17"/>
      <c r="C9" s="13">
        <v>66144</v>
      </c>
      <c r="D9" s="19">
        <v>33841</v>
      </c>
      <c r="E9" s="19">
        <v>32303</v>
      </c>
      <c r="F9" s="19"/>
      <c r="G9" s="18" t="s">
        <v>16</v>
      </c>
      <c r="H9" s="17"/>
      <c r="I9" s="13">
        <v>147559</v>
      </c>
      <c r="J9" s="19">
        <v>76268</v>
      </c>
      <c r="K9" s="19">
        <v>71291</v>
      </c>
    </row>
    <row r="10" spans="1:11" ht="15" customHeight="1">
      <c r="A10" s="17" t="s">
        <v>17</v>
      </c>
      <c r="B10" s="17"/>
      <c r="C10" s="13">
        <v>67543</v>
      </c>
      <c r="D10" s="19">
        <v>34550</v>
      </c>
      <c r="E10" s="19">
        <v>32993</v>
      </c>
      <c r="F10" s="19"/>
      <c r="G10" s="18" t="s">
        <v>18</v>
      </c>
      <c r="H10" s="17"/>
      <c r="I10" s="13">
        <v>151330</v>
      </c>
      <c r="J10" s="19">
        <v>78285</v>
      </c>
      <c r="K10" s="19">
        <v>73045</v>
      </c>
    </row>
    <row r="11" spans="1:11" ht="20.100000000000001" customHeight="1">
      <c r="A11" s="17" t="s">
        <v>19</v>
      </c>
      <c r="B11" s="17"/>
      <c r="C11" s="13">
        <v>362880</v>
      </c>
      <c r="D11" s="14">
        <v>186061</v>
      </c>
      <c r="E11" s="14">
        <v>176819</v>
      </c>
      <c r="F11" s="14"/>
      <c r="G11" s="18" t="s">
        <v>20</v>
      </c>
      <c r="H11" s="17"/>
      <c r="I11" s="13">
        <v>602868</v>
      </c>
      <c r="J11" s="14">
        <v>312220</v>
      </c>
      <c r="K11" s="14">
        <v>290648</v>
      </c>
    </row>
    <row r="12" spans="1:11" ht="15" customHeight="1">
      <c r="A12" s="17" t="s">
        <v>21</v>
      </c>
      <c r="B12" s="17"/>
      <c r="C12" s="13">
        <v>70081</v>
      </c>
      <c r="D12" s="19">
        <v>35869</v>
      </c>
      <c r="E12" s="19">
        <v>34212</v>
      </c>
      <c r="F12" s="19"/>
      <c r="G12" s="18" t="s">
        <v>22</v>
      </c>
      <c r="H12" s="17"/>
      <c r="I12" s="13">
        <v>108267</v>
      </c>
      <c r="J12" s="19">
        <v>56047</v>
      </c>
      <c r="K12" s="19">
        <v>52220</v>
      </c>
    </row>
    <row r="13" spans="1:11" ht="15" customHeight="1">
      <c r="A13" s="17" t="s">
        <v>23</v>
      </c>
      <c r="B13" s="17"/>
      <c r="C13" s="13">
        <v>72643</v>
      </c>
      <c r="D13" s="19">
        <v>37205</v>
      </c>
      <c r="E13" s="19">
        <v>35438</v>
      </c>
      <c r="F13" s="19"/>
      <c r="G13" s="18" t="s">
        <v>24</v>
      </c>
      <c r="H13" s="17"/>
      <c r="I13" s="13">
        <v>138222</v>
      </c>
      <c r="J13" s="19">
        <v>71710</v>
      </c>
      <c r="K13" s="19">
        <v>66512</v>
      </c>
    </row>
    <row r="14" spans="1:11" ht="15" customHeight="1">
      <c r="A14" s="17" t="s">
        <v>25</v>
      </c>
      <c r="B14" s="17"/>
      <c r="C14" s="13">
        <v>72101</v>
      </c>
      <c r="D14" s="19">
        <v>37023</v>
      </c>
      <c r="E14" s="19">
        <v>35078</v>
      </c>
      <c r="F14" s="19"/>
      <c r="G14" s="18" t="s">
        <v>26</v>
      </c>
      <c r="H14" s="17"/>
      <c r="I14" s="13">
        <v>125844</v>
      </c>
      <c r="J14" s="19">
        <v>65173</v>
      </c>
      <c r="K14" s="19">
        <v>60671</v>
      </c>
    </row>
    <row r="15" spans="1:11" ht="15" customHeight="1">
      <c r="A15" s="17" t="s">
        <v>27</v>
      </c>
      <c r="B15" s="17"/>
      <c r="C15" s="13">
        <v>73483</v>
      </c>
      <c r="D15" s="19">
        <v>37811</v>
      </c>
      <c r="E15" s="19">
        <v>35672</v>
      </c>
      <c r="F15" s="19"/>
      <c r="G15" s="18" t="s">
        <v>28</v>
      </c>
      <c r="H15" s="17"/>
      <c r="I15" s="13">
        <v>118831</v>
      </c>
      <c r="J15" s="19">
        <v>61611</v>
      </c>
      <c r="K15" s="19">
        <v>57220</v>
      </c>
    </row>
    <row r="16" spans="1:11" ht="15" customHeight="1">
      <c r="A16" s="17" t="s">
        <v>29</v>
      </c>
      <c r="B16" s="17"/>
      <c r="C16" s="13">
        <v>74572</v>
      </c>
      <c r="D16" s="19">
        <v>38153</v>
      </c>
      <c r="E16" s="19">
        <v>36419</v>
      </c>
      <c r="F16" s="19"/>
      <c r="G16" s="18" t="s">
        <v>30</v>
      </c>
      <c r="H16" s="17"/>
      <c r="I16" s="13">
        <v>111704</v>
      </c>
      <c r="J16" s="19">
        <v>57679</v>
      </c>
      <c r="K16" s="19">
        <v>54025</v>
      </c>
    </row>
    <row r="17" spans="1:11" ht="20.100000000000001" customHeight="1">
      <c r="A17" s="20" t="s">
        <v>31</v>
      </c>
      <c r="B17" s="20"/>
      <c r="C17" s="13">
        <v>383591</v>
      </c>
      <c r="D17" s="14">
        <v>196541</v>
      </c>
      <c r="E17" s="14">
        <v>187050</v>
      </c>
      <c r="F17" s="14"/>
      <c r="G17" s="18" t="s">
        <v>32</v>
      </c>
      <c r="H17" s="17"/>
      <c r="I17" s="13">
        <v>497116</v>
      </c>
      <c r="J17" s="14">
        <v>253059</v>
      </c>
      <c r="K17" s="14">
        <v>244057</v>
      </c>
    </row>
    <row r="18" spans="1:11" ht="15" customHeight="1">
      <c r="A18" s="17" t="s">
        <v>33</v>
      </c>
      <c r="B18" s="17"/>
      <c r="C18" s="13">
        <v>74791</v>
      </c>
      <c r="D18" s="19">
        <v>38291</v>
      </c>
      <c r="E18" s="19">
        <v>36500</v>
      </c>
      <c r="F18" s="19"/>
      <c r="G18" s="18" t="s">
        <v>34</v>
      </c>
      <c r="H18" s="17"/>
      <c r="I18" s="13">
        <v>105985</v>
      </c>
      <c r="J18" s="19">
        <v>54491</v>
      </c>
      <c r="K18" s="19">
        <v>51494</v>
      </c>
    </row>
    <row r="19" spans="1:11" ht="15" customHeight="1">
      <c r="A19" s="17" t="s">
        <v>35</v>
      </c>
      <c r="B19" s="17"/>
      <c r="C19" s="13">
        <v>76580</v>
      </c>
      <c r="D19" s="19">
        <v>39186</v>
      </c>
      <c r="E19" s="19">
        <v>37394</v>
      </c>
      <c r="F19" s="19"/>
      <c r="G19" s="18" t="s">
        <v>36</v>
      </c>
      <c r="H19" s="17"/>
      <c r="I19" s="13">
        <v>102955</v>
      </c>
      <c r="J19" s="19">
        <v>52281</v>
      </c>
      <c r="K19" s="19">
        <v>50674</v>
      </c>
    </row>
    <row r="20" spans="1:11" ht="15" customHeight="1">
      <c r="A20" s="17" t="s">
        <v>37</v>
      </c>
      <c r="B20" s="17"/>
      <c r="C20" s="13">
        <v>76598</v>
      </c>
      <c r="D20" s="19">
        <v>39097</v>
      </c>
      <c r="E20" s="19">
        <v>37501</v>
      </c>
      <c r="F20" s="19"/>
      <c r="G20" s="18" t="s">
        <v>38</v>
      </c>
      <c r="H20" s="17"/>
      <c r="I20" s="13">
        <v>99566</v>
      </c>
      <c r="J20" s="19">
        <v>51184</v>
      </c>
      <c r="K20" s="19">
        <v>48382</v>
      </c>
    </row>
    <row r="21" spans="1:11" ht="15" customHeight="1">
      <c r="A21" s="17" t="s">
        <v>39</v>
      </c>
      <c r="B21" s="17"/>
      <c r="C21" s="13">
        <v>77748</v>
      </c>
      <c r="D21" s="19">
        <v>39905</v>
      </c>
      <c r="E21" s="19">
        <v>37843</v>
      </c>
      <c r="F21" s="19"/>
      <c r="G21" s="18" t="s">
        <v>40</v>
      </c>
      <c r="H21" s="17"/>
      <c r="I21" s="13">
        <v>98088</v>
      </c>
      <c r="J21" s="19">
        <v>49639</v>
      </c>
      <c r="K21" s="19">
        <v>48449</v>
      </c>
    </row>
    <row r="22" spans="1:11" ht="15" customHeight="1">
      <c r="A22" s="17" t="s">
        <v>41</v>
      </c>
      <c r="B22" s="17"/>
      <c r="C22" s="13">
        <v>77874</v>
      </c>
      <c r="D22" s="19">
        <v>40062</v>
      </c>
      <c r="E22" s="19">
        <v>37812</v>
      </c>
      <c r="F22" s="19"/>
      <c r="G22" s="18" t="s">
        <v>42</v>
      </c>
      <c r="H22" s="17"/>
      <c r="I22" s="13">
        <v>90522</v>
      </c>
      <c r="J22" s="19">
        <v>45464</v>
      </c>
      <c r="K22" s="19">
        <v>45058</v>
      </c>
    </row>
    <row r="23" spans="1:11" ht="20.100000000000001" customHeight="1">
      <c r="A23" s="17" t="s">
        <v>43</v>
      </c>
      <c r="B23" s="17"/>
      <c r="C23" s="13">
        <v>398649</v>
      </c>
      <c r="D23" s="14">
        <v>204339</v>
      </c>
      <c r="E23" s="14">
        <v>194310</v>
      </c>
      <c r="F23" s="14"/>
      <c r="G23" s="18" t="s">
        <v>44</v>
      </c>
      <c r="H23" s="17"/>
      <c r="I23" s="13">
        <v>481333</v>
      </c>
      <c r="J23" s="14">
        <v>237090</v>
      </c>
      <c r="K23" s="14">
        <v>244243</v>
      </c>
    </row>
    <row r="24" spans="1:11" ht="15" customHeight="1">
      <c r="A24" s="17" t="s">
        <v>45</v>
      </c>
      <c r="B24" s="17"/>
      <c r="C24" s="13">
        <v>78258</v>
      </c>
      <c r="D24" s="19">
        <v>40373</v>
      </c>
      <c r="E24" s="19">
        <v>37885</v>
      </c>
      <c r="F24" s="19"/>
      <c r="G24" s="18" t="s">
        <v>46</v>
      </c>
      <c r="H24" s="17"/>
      <c r="I24" s="13">
        <v>92179</v>
      </c>
      <c r="J24" s="19">
        <v>46289</v>
      </c>
      <c r="K24" s="19">
        <v>45890</v>
      </c>
    </row>
    <row r="25" spans="1:11" ht="15" customHeight="1">
      <c r="A25" s="17" t="s">
        <v>47</v>
      </c>
      <c r="B25" s="17"/>
      <c r="C25" s="13">
        <v>75314</v>
      </c>
      <c r="D25" s="19">
        <v>38439</v>
      </c>
      <c r="E25" s="19">
        <v>36875</v>
      </c>
      <c r="F25" s="19"/>
      <c r="G25" s="18" t="s">
        <v>48</v>
      </c>
      <c r="H25" s="17"/>
      <c r="I25" s="13">
        <v>94582</v>
      </c>
      <c r="J25" s="19">
        <v>46955</v>
      </c>
      <c r="K25" s="19">
        <v>47627</v>
      </c>
    </row>
    <row r="26" spans="1:11" ht="15" customHeight="1">
      <c r="A26" s="17" t="s">
        <v>49</v>
      </c>
      <c r="B26" s="17"/>
      <c r="C26" s="13">
        <v>78538</v>
      </c>
      <c r="D26" s="19">
        <v>40345</v>
      </c>
      <c r="E26" s="19">
        <v>38193</v>
      </c>
      <c r="F26" s="19"/>
      <c r="G26" s="18" t="s">
        <v>50</v>
      </c>
      <c r="H26" s="17"/>
      <c r="I26" s="13">
        <v>93863</v>
      </c>
      <c r="J26" s="19">
        <v>46360</v>
      </c>
      <c r="K26" s="19">
        <v>47503</v>
      </c>
    </row>
    <row r="27" spans="1:11" ht="15" customHeight="1">
      <c r="A27" s="17" t="s">
        <v>51</v>
      </c>
      <c r="B27" s="17"/>
      <c r="C27" s="13">
        <v>80993</v>
      </c>
      <c r="D27" s="19">
        <v>41732</v>
      </c>
      <c r="E27" s="19">
        <v>39261</v>
      </c>
      <c r="F27" s="19"/>
      <c r="G27" s="18" t="s">
        <v>52</v>
      </c>
      <c r="H27" s="17"/>
      <c r="I27" s="13">
        <v>96267</v>
      </c>
      <c r="J27" s="19">
        <v>46775</v>
      </c>
      <c r="K27" s="19">
        <v>49492</v>
      </c>
    </row>
    <row r="28" spans="1:11" ht="15" customHeight="1">
      <c r="A28" s="17" t="s">
        <v>53</v>
      </c>
      <c r="B28" s="17"/>
      <c r="C28" s="13">
        <v>85546</v>
      </c>
      <c r="D28" s="19">
        <v>43450</v>
      </c>
      <c r="E28" s="19">
        <v>42096</v>
      </c>
      <c r="F28" s="19"/>
      <c r="G28" s="18" t="s">
        <v>54</v>
      </c>
      <c r="H28" s="17"/>
      <c r="I28" s="13">
        <v>104442</v>
      </c>
      <c r="J28" s="19">
        <v>50711</v>
      </c>
      <c r="K28" s="19">
        <v>53731</v>
      </c>
    </row>
    <row r="29" spans="1:11" ht="20.100000000000001" customHeight="1">
      <c r="A29" s="17" t="s">
        <v>55</v>
      </c>
      <c r="B29" s="17"/>
      <c r="C29" s="13">
        <v>492720</v>
      </c>
      <c r="D29" s="14">
        <v>251739</v>
      </c>
      <c r="E29" s="14">
        <v>240981</v>
      </c>
      <c r="F29" s="14"/>
      <c r="G29" s="18" t="s">
        <v>56</v>
      </c>
      <c r="H29" s="17"/>
      <c r="I29" s="13">
        <v>617096</v>
      </c>
      <c r="J29" s="14">
        <v>291932</v>
      </c>
      <c r="K29" s="14">
        <v>325164</v>
      </c>
    </row>
    <row r="30" spans="1:11" ht="15" customHeight="1">
      <c r="A30" s="17" t="s">
        <v>57</v>
      </c>
      <c r="B30" s="17"/>
      <c r="C30" s="13">
        <v>93150</v>
      </c>
      <c r="D30" s="19">
        <v>47916</v>
      </c>
      <c r="E30" s="19">
        <v>45234</v>
      </c>
      <c r="F30" s="19"/>
      <c r="G30" s="18" t="s">
        <v>58</v>
      </c>
      <c r="H30" s="17"/>
      <c r="I30" s="13">
        <v>108400</v>
      </c>
      <c r="J30" s="19">
        <v>52415</v>
      </c>
      <c r="K30" s="19">
        <v>55985</v>
      </c>
    </row>
    <row r="31" spans="1:11" ht="15" customHeight="1">
      <c r="A31" s="17" t="s">
        <v>59</v>
      </c>
      <c r="B31" s="17"/>
      <c r="C31" s="13">
        <v>98133</v>
      </c>
      <c r="D31" s="19">
        <v>50149</v>
      </c>
      <c r="E31" s="19">
        <v>47984</v>
      </c>
      <c r="F31" s="19"/>
      <c r="G31" s="18" t="s">
        <v>60</v>
      </c>
      <c r="H31" s="17"/>
      <c r="I31" s="13">
        <v>116490</v>
      </c>
      <c r="J31" s="19">
        <v>55822</v>
      </c>
      <c r="K31" s="19">
        <v>60668</v>
      </c>
    </row>
    <row r="32" spans="1:11" ht="15" customHeight="1">
      <c r="A32" s="17" t="s">
        <v>61</v>
      </c>
      <c r="B32" s="17"/>
      <c r="C32" s="13">
        <v>98168</v>
      </c>
      <c r="D32" s="19">
        <v>49915</v>
      </c>
      <c r="E32" s="19">
        <v>48253</v>
      </c>
      <c r="F32" s="19"/>
      <c r="G32" s="18" t="s">
        <v>62</v>
      </c>
      <c r="H32" s="17"/>
      <c r="I32" s="13">
        <v>133390</v>
      </c>
      <c r="J32" s="19">
        <v>62938</v>
      </c>
      <c r="K32" s="19">
        <v>70452</v>
      </c>
    </row>
    <row r="33" spans="1:11" ht="15" customHeight="1">
      <c r="A33" s="17" t="s">
        <v>63</v>
      </c>
      <c r="B33" s="17"/>
      <c r="C33" s="13">
        <v>103297</v>
      </c>
      <c r="D33" s="19">
        <v>52772</v>
      </c>
      <c r="E33" s="19">
        <v>50525</v>
      </c>
      <c r="F33" s="19"/>
      <c r="G33" s="18" t="s">
        <v>64</v>
      </c>
      <c r="H33" s="17"/>
      <c r="I33" s="13">
        <v>129733</v>
      </c>
      <c r="J33" s="19">
        <v>60623</v>
      </c>
      <c r="K33" s="19">
        <v>69110</v>
      </c>
    </row>
    <row r="34" spans="1:11" ht="15" customHeight="1">
      <c r="A34" s="17" t="s">
        <v>65</v>
      </c>
      <c r="B34" s="17"/>
      <c r="C34" s="13">
        <v>99972</v>
      </c>
      <c r="D34" s="19">
        <v>50987</v>
      </c>
      <c r="E34" s="19">
        <v>48985</v>
      </c>
      <c r="F34" s="19"/>
      <c r="G34" s="18" t="s">
        <v>66</v>
      </c>
      <c r="H34" s="17"/>
      <c r="I34" s="13">
        <v>129083</v>
      </c>
      <c r="J34" s="19">
        <v>60134</v>
      </c>
      <c r="K34" s="19">
        <v>68949</v>
      </c>
    </row>
    <row r="35" spans="1:11" ht="19.5" customHeight="1">
      <c r="A35" s="17" t="s">
        <v>67</v>
      </c>
      <c r="B35" s="17"/>
      <c r="C35" s="13">
        <v>486193</v>
      </c>
      <c r="D35" s="14">
        <v>250675</v>
      </c>
      <c r="E35" s="14">
        <v>235518</v>
      </c>
      <c r="F35" s="14"/>
      <c r="G35" s="18" t="s">
        <v>68</v>
      </c>
      <c r="H35" s="17"/>
      <c r="I35" s="13">
        <v>461664</v>
      </c>
      <c r="J35" s="14">
        <v>208163</v>
      </c>
      <c r="K35" s="14">
        <v>253501</v>
      </c>
    </row>
    <row r="36" spans="1:11" ht="15" customHeight="1">
      <c r="A36" s="17" t="s">
        <v>69</v>
      </c>
      <c r="B36" s="17"/>
      <c r="C36" s="13">
        <v>99867</v>
      </c>
      <c r="D36" s="19">
        <v>51445</v>
      </c>
      <c r="E36" s="19">
        <v>48422</v>
      </c>
      <c r="F36" s="19"/>
      <c r="G36" s="18" t="s">
        <v>70</v>
      </c>
      <c r="H36" s="17"/>
      <c r="I36" s="13">
        <v>89084</v>
      </c>
      <c r="J36" s="19">
        <v>41229</v>
      </c>
      <c r="K36" s="19">
        <v>47855</v>
      </c>
    </row>
    <row r="37" spans="1:11" ht="15" customHeight="1">
      <c r="A37" s="17" t="s">
        <v>71</v>
      </c>
      <c r="B37" s="17"/>
      <c r="C37" s="13">
        <v>97476</v>
      </c>
      <c r="D37" s="19">
        <v>50293</v>
      </c>
      <c r="E37" s="19">
        <v>47183</v>
      </c>
      <c r="F37" s="19"/>
      <c r="G37" s="18" t="s">
        <v>72</v>
      </c>
      <c r="H37" s="17"/>
      <c r="I37" s="13">
        <v>79390</v>
      </c>
      <c r="J37" s="19">
        <v>36124</v>
      </c>
      <c r="K37" s="19">
        <v>43266</v>
      </c>
    </row>
    <row r="38" spans="1:11" ht="15" customHeight="1">
      <c r="A38" s="17" t="s">
        <v>73</v>
      </c>
      <c r="B38" s="17"/>
      <c r="C38" s="13">
        <v>99537</v>
      </c>
      <c r="D38" s="19">
        <v>51143</v>
      </c>
      <c r="E38" s="19">
        <v>48394</v>
      </c>
      <c r="F38" s="19"/>
      <c r="G38" s="18" t="s">
        <v>74</v>
      </c>
      <c r="H38" s="17"/>
      <c r="I38" s="13">
        <v>96933</v>
      </c>
      <c r="J38" s="19">
        <v>43474</v>
      </c>
      <c r="K38" s="19">
        <v>53459</v>
      </c>
    </row>
    <row r="39" spans="1:11" ht="15" customHeight="1">
      <c r="A39" s="17" t="s">
        <v>75</v>
      </c>
      <c r="B39" s="17"/>
      <c r="C39" s="13">
        <v>94756</v>
      </c>
      <c r="D39" s="19">
        <v>49060</v>
      </c>
      <c r="E39" s="19">
        <v>45696</v>
      </c>
      <c r="F39" s="19"/>
      <c r="G39" s="18" t="s">
        <v>76</v>
      </c>
      <c r="H39" s="17"/>
      <c r="I39" s="13">
        <v>101013</v>
      </c>
      <c r="J39" s="19">
        <v>45034</v>
      </c>
      <c r="K39" s="19">
        <v>55979</v>
      </c>
    </row>
    <row r="40" spans="1:11" ht="15" customHeight="1">
      <c r="A40" s="17" t="s">
        <v>77</v>
      </c>
      <c r="B40" s="17"/>
      <c r="C40" s="13">
        <v>94557</v>
      </c>
      <c r="D40" s="19">
        <v>48734</v>
      </c>
      <c r="E40" s="19">
        <v>45823</v>
      </c>
      <c r="F40" s="19"/>
      <c r="G40" s="18" t="s">
        <v>78</v>
      </c>
      <c r="H40" s="17"/>
      <c r="I40" s="13">
        <v>95244</v>
      </c>
      <c r="J40" s="19">
        <v>42302</v>
      </c>
      <c r="K40" s="19">
        <v>52942</v>
      </c>
    </row>
    <row r="41" spans="1:11" ht="20.100000000000001" customHeight="1">
      <c r="A41" s="17" t="s">
        <v>79</v>
      </c>
      <c r="B41" s="17"/>
      <c r="C41" s="13">
        <v>485150</v>
      </c>
      <c r="D41" s="14">
        <v>250181</v>
      </c>
      <c r="E41" s="14">
        <v>234969</v>
      </c>
      <c r="F41" s="14"/>
      <c r="G41" s="18" t="s">
        <v>80</v>
      </c>
      <c r="H41" s="17"/>
      <c r="I41" s="13">
        <v>376694</v>
      </c>
      <c r="J41" s="14">
        <v>162004</v>
      </c>
      <c r="K41" s="14">
        <v>214690</v>
      </c>
    </row>
    <row r="42" spans="1:11" ht="15" customHeight="1">
      <c r="A42" s="17" t="s">
        <v>81</v>
      </c>
      <c r="B42" s="17"/>
      <c r="C42" s="13">
        <v>95317</v>
      </c>
      <c r="D42" s="19">
        <v>49334</v>
      </c>
      <c r="E42" s="19">
        <v>45983</v>
      </c>
      <c r="F42" s="19"/>
      <c r="G42" s="18" t="s">
        <v>82</v>
      </c>
      <c r="H42" s="17"/>
      <c r="I42" s="13">
        <v>93327</v>
      </c>
      <c r="J42" s="19">
        <v>40733</v>
      </c>
      <c r="K42" s="19">
        <v>52594</v>
      </c>
    </row>
    <row r="43" spans="1:11" ht="15" customHeight="1">
      <c r="A43" s="17" t="s">
        <v>83</v>
      </c>
      <c r="B43" s="17"/>
      <c r="C43" s="13">
        <v>95085</v>
      </c>
      <c r="D43" s="19">
        <v>49078</v>
      </c>
      <c r="E43" s="19">
        <v>46007</v>
      </c>
      <c r="F43" s="19"/>
      <c r="G43" s="18" t="s">
        <v>84</v>
      </c>
      <c r="H43" s="17"/>
      <c r="I43" s="13">
        <v>82886</v>
      </c>
      <c r="J43" s="19">
        <v>35914</v>
      </c>
      <c r="K43" s="19">
        <v>46972</v>
      </c>
    </row>
    <row r="44" spans="1:11" ht="15" customHeight="1">
      <c r="A44" s="17" t="s">
        <v>85</v>
      </c>
      <c r="B44" s="17"/>
      <c r="C44" s="13">
        <v>94956</v>
      </c>
      <c r="D44" s="19">
        <v>48897</v>
      </c>
      <c r="E44" s="19">
        <v>46059</v>
      </c>
      <c r="F44" s="19"/>
      <c r="G44" s="18" t="s">
        <v>86</v>
      </c>
      <c r="H44" s="17"/>
      <c r="I44" s="13">
        <v>69473</v>
      </c>
      <c r="J44" s="19">
        <v>29965</v>
      </c>
      <c r="K44" s="19">
        <v>39508</v>
      </c>
    </row>
    <row r="45" spans="1:11" ht="15" customHeight="1">
      <c r="A45" s="17" t="s">
        <v>87</v>
      </c>
      <c r="B45" s="17"/>
      <c r="C45" s="13">
        <v>100199</v>
      </c>
      <c r="D45" s="19">
        <v>51437</v>
      </c>
      <c r="E45" s="19">
        <v>48762</v>
      </c>
      <c r="F45" s="19"/>
      <c r="G45" s="18" t="s">
        <v>88</v>
      </c>
      <c r="H45" s="17"/>
      <c r="I45" s="13">
        <v>64153</v>
      </c>
      <c r="J45" s="19">
        <v>27555</v>
      </c>
      <c r="K45" s="19">
        <v>36598</v>
      </c>
    </row>
    <row r="46" spans="1:11" ht="15" customHeight="1">
      <c r="A46" s="17" t="s">
        <v>89</v>
      </c>
      <c r="B46" s="17"/>
      <c r="C46" s="13">
        <v>99593</v>
      </c>
      <c r="D46" s="19">
        <v>51435</v>
      </c>
      <c r="E46" s="19">
        <v>48158</v>
      </c>
      <c r="F46" s="19"/>
      <c r="G46" s="18" t="s">
        <v>90</v>
      </c>
      <c r="H46" s="17"/>
      <c r="I46" s="13">
        <v>66855</v>
      </c>
      <c r="J46" s="19">
        <v>27837</v>
      </c>
      <c r="K46" s="19">
        <v>39018</v>
      </c>
    </row>
    <row r="47" spans="1:11" ht="20.100000000000001" customHeight="1">
      <c r="A47" s="17" t="s">
        <v>91</v>
      </c>
      <c r="B47" s="17"/>
      <c r="C47" s="13">
        <v>545264</v>
      </c>
      <c r="D47" s="14">
        <v>280697</v>
      </c>
      <c r="E47" s="14">
        <v>264567</v>
      </c>
      <c r="F47" s="14"/>
      <c r="G47" s="18" t="s">
        <v>92</v>
      </c>
      <c r="H47" s="17"/>
      <c r="I47" s="13">
        <v>242137</v>
      </c>
      <c r="J47" s="14">
        <v>91782</v>
      </c>
      <c r="K47" s="14">
        <v>150355</v>
      </c>
    </row>
    <row r="48" spans="1:11" ht="15" customHeight="1">
      <c r="A48" s="17" t="s">
        <v>93</v>
      </c>
      <c r="B48" s="17"/>
      <c r="C48" s="13">
        <v>102005</v>
      </c>
      <c r="D48" s="19">
        <v>52752</v>
      </c>
      <c r="E48" s="19">
        <v>49253</v>
      </c>
      <c r="F48" s="19"/>
      <c r="G48" s="18" t="s">
        <v>94</v>
      </c>
      <c r="H48" s="17"/>
      <c r="I48" s="13">
        <v>59523</v>
      </c>
      <c r="J48" s="19">
        <v>24030</v>
      </c>
      <c r="K48" s="19">
        <v>35493</v>
      </c>
    </row>
    <row r="49" spans="1:11" ht="15" customHeight="1">
      <c r="A49" s="17" t="s">
        <v>95</v>
      </c>
      <c r="B49" s="17"/>
      <c r="C49" s="13">
        <v>106185</v>
      </c>
      <c r="D49" s="19">
        <v>54497</v>
      </c>
      <c r="E49" s="19">
        <v>51688</v>
      </c>
      <c r="F49" s="19"/>
      <c r="G49" s="18" t="s">
        <v>96</v>
      </c>
      <c r="H49" s="17"/>
      <c r="I49" s="13">
        <v>56726</v>
      </c>
      <c r="J49" s="19">
        <v>22307</v>
      </c>
      <c r="K49" s="19">
        <v>34419</v>
      </c>
    </row>
    <row r="50" spans="1:11" ht="15" customHeight="1">
      <c r="A50" s="17" t="s">
        <v>97</v>
      </c>
      <c r="B50" s="17"/>
      <c r="C50" s="13">
        <v>110867</v>
      </c>
      <c r="D50" s="19">
        <v>57095</v>
      </c>
      <c r="E50" s="19">
        <v>53772</v>
      </c>
      <c r="F50" s="19"/>
      <c r="G50" s="18" t="s">
        <v>98</v>
      </c>
      <c r="H50" s="17"/>
      <c r="I50" s="13">
        <v>46217</v>
      </c>
      <c r="J50" s="19">
        <v>17301</v>
      </c>
      <c r="K50" s="19">
        <v>28916</v>
      </c>
    </row>
    <row r="51" spans="1:11" ht="15" customHeight="1">
      <c r="A51" s="17" t="s">
        <v>99</v>
      </c>
      <c r="B51" s="17"/>
      <c r="C51" s="13">
        <v>113413</v>
      </c>
      <c r="D51" s="19">
        <v>58202</v>
      </c>
      <c r="E51" s="19">
        <v>55211</v>
      </c>
      <c r="F51" s="19"/>
      <c r="G51" s="18" t="s">
        <v>100</v>
      </c>
      <c r="H51" s="17"/>
      <c r="I51" s="13">
        <v>42357</v>
      </c>
      <c r="J51" s="19">
        <v>15288</v>
      </c>
      <c r="K51" s="19">
        <v>27069</v>
      </c>
    </row>
    <row r="52" spans="1:11" ht="15" customHeight="1">
      <c r="A52" s="17" t="s">
        <v>101</v>
      </c>
      <c r="B52" s="17"/>
      <c r="C52" s="13">
        <v>112794</v>
      </c>
      <c r="D52" s="19">
        <v>58151</v>
      </c>
      <c r="E52" s="19">
        <v>54643</v>
      </c>
      <c r="F52" s="19"/>
      <c r="G52" s="18" t="s">
        <v>102</v>
      </c>
      <c r="H52" s="17"/>
      <c r="I52" s="13">
        <v>37314</v>
      </c>
      <c r="J52" s="19">
        <v>12856</v>
      </c>
      <c r="K52" s="19">
        <v>24458</v>
      </c>
    </row>
    <row r="53" spans="1:11" ht="20.100000000000001" customHeight="1">
      <c r="A53" s="17" t="s">
        <v>103</v>
      </c>
      <c r="B53" s="17"/>
      <c r="C53" s="13">
        <v>614154</v>
      </c>
      <c r="D53" s="14">
        <v>314156</v>
      </c>
      <c r="E53" s="14">
        <v>299998</v>
      </c>
      <c r="F53" s="14"/>
      <c r="G53" s="18" t="s">
        <v>104</v>
      </c>
      <c r="H53" s="17"/>
      <c r="I53" s="13">
        <v>110740</v>
      </c>
      <c r="J53" s="14">
        <v>32879</v>
      </c>
      <c r="K53" s="14">
        <v>77861</v>
      </c>
    </row>
    <row r="54" spans="1:11" ht="15" customHeight="1">
      <c r="A54" s="17" t="s">
        <v>105</v>
      </c>
      <c r="B54" s="17"/>
      <c r="C54" s="13">
        <v>114876</v>
      </c>
      <c r="D54" s="19">
        <v>58721</v>
      </c>
      <c r="E54" s="19">
        <v>56155</v>
      </c>
      <c r="F54" s="19"/>
      <c r="G54" s="18" t="s">
        <v>106</v>
      </c>
      <c r="H54" s="17"/>
      <c r="I54" s="13">
        <v>31408</v>
      </c>
      <c r="J54" s="19">
        <v>10111</v>
      </c>
      <c r="K54" s="19">
        <v>21297</v>
      </c>
    </row>
    <row r="55" spans="1:11" ht="15" customHeight="1">
      <c r="A55" s="17" t="s">
        <v>107</v>
      </c>
      <c r="B55" s="17"/>
      <c r="C55" s="13">
        <v>117617</v>
      </c>
      <c r="D55" s="19">
        <v>59874</v>
      </c>
      <c r="E55" s="19">
        <v>57743</v>
      </c>
      <c r="F55" s="19"/>
      <c r="G55" s="18" t="s">
        <v>108</v>
      </c>
      <c r="H55" s="17"/>
      <c r="I55" s="13">
        <v>26217</v>
      </c>
      <c r="J55" s="19">
        <v>8138</v>
      </c>
      <c r="K55" s="19">
        <v>18079</v>
      </c>
    </row>
    <row r="56" spans="1:11" ht="15" customHeight="1">
      <c r="A56" s="17" t="s">
        <v>109</v>
      </c>
      <c r="B56" s="17"/>
      <c r="C56" s="13">
        <v>122949</v>
      </c>
      <c r="D56" s="19">
        <v>63193</v>
      </c>
      <c r="E56" s="19">
        <v>59756</v>
      </c>
      <c r="F56" s="19"/>
      <c r="G56" s="18" t="s">
        <v>110</v>
      </c>
      <c r="H56" s="17"/>
      <c r="I56" s="13">
        <v>21710</v>
      </c>
      <c r="J56" s="19">
        <v>6334</v>
      </c>
      <c r="K56" s="19">
        <v>15376</v>
      </c>
    </row>
    <row r="57" spans="1:11" ht="15" customHeight="1">
      <c r="A57" s="17" t="s">
        <v>111</v>
      </c>
      <c r="B57" s="17"/>
      <c r="C57" s="13">
        <v>127667</v>
      </c>
      <c r="D57" s="19">
        <v>65197</v>
      </c>
      <c r="E57" s="19">
        <v>62470</v>
      </c>
      <c r="F57" s="19"/>
      <c r="G57" s="18" t="s">
        <v>112</v>
      </c>
      <c r="H57" s="17"/>
      <c r="I57" s="13">
        <v>18209</v>
      </c>
      <c r="J57" s="19">
        <v>4863</v>
      </c>
      <c r="K57" s="19">
        <v>13346</v>
      </c>
    </row>
    <row r="58" spans="1:11" ht="15" customHeight="1">
      <c r="A58" s="17" t="s">
        <v>113</v>
      </c>
      <c r="B58" s="17"/>
      <c r="C58" s="13">
        <v>131045</v>
      </c>
      <c r="D58" s="19">
        <v>67171</v>
      </c>
      <c r="E58" s="19">
        <v>63874</v>
      </c>
      <c r="F58" s="19"/>
      <c r="G58" s="18" t="s">
        <v>114</v>
      </c>
      <c r="H58" s="17"/>
      <c r="I58" s="13">
        <v>13196</v>
      </c>
      <c r="J58" s="19">
        <v>3433</v>
      </c>
      <c r="K58" s="19">
        <v>9763</v>
      </c>
    </row>
    <row r="59" spans="1:11" ht="20.100000000000001" customHeight="1">
      <c r="A59" s="17" t="s">
        <v>115</v>
      </c>
      <c r="B59" s="17"/>
      <c r="C59" s="13">
        <v>745633</v>
      </c>
      <c r="D59" s="14">
        <v>380316</v>
      </c>
      <c r="E59" s="14">
        <v>365317</v>
      </c>
      <c r="F59" s="14"/>
      <c r="G59" s="18" t="s">
        <v>116</v>
      </c>
      <c r="H59" s="17"/>
      <c r="I59" s="13">
        <v>29537</v>
      </c>
      <c r="J59" s="14">
        <v>6358</v>
      </c>
      <c r="K59" s="14">
        <v>23179</v>
      </c>
    </row>
    <row r="60" spans="1:11" ht="15" customHeight="1">
      <c r="A60" s="17" t="s">
        <v>117</v>
      </c>
      <c r="B60" s="17"/>
      <c r="C60" s="13">
        <v>136551</v>
      </c>
      <c r="D60" s="19">
        <v>69862</v>
      </c>
      <c r="E60" s="19">
        <v>66689</v>
      </c>
      <c r="F60" s="19"/>
      <c r="G60" s="18" t="s">
        <v>118</v>
      </c>
      <c r="H60" s="17"/>
      <c r="I60" s="13">
        <v>10017</v>
      </c>
      <c r="J60" s="19">
        <v>2538</v>
      </c>
      <c r="K60" s="19">
        <v>7479</v>
      </c>
    </row>
    <row r="61" spans="1:11" ht="15" customHeight="1">
      <c r="A61" s="17" t="s">
        <v>119</v>
      </c>
      <c r="B61" s="17"/>
      <c r="C61" s="13">
        <v>140856</v>
      </c>
      <c r="D61" s="19">
        <v>71972</v>
      </c>
      <c r="E61" s="19">
        <v>68884</v>
      </c>
      <c r="F61" s="19"/>
      <c r="G61" s="18" t="s">
        <v>120</v>
      </c>
      <c r="H61" s="17"/>
      <c r="I61" s="13">
        <v>7806</v>
      </c>
      <c r="J61" s="19">
        <v>1677</v>
      </c>
      <c r="K61" s="19">
        <v>6129</v>
      </c>
    </row>
    <row r="62" spans="1:11" ht="15" customHeight="1">
      <c r="A62" s="17" t="s">
        <v>121</v>
      </c>
      <c r="B62" s="17"/>
      <c r="C62" s="13">
        <v>151623</v>
      </c>
      <c r="D62" s="19">
        <v>77599</v>
      </c>
      <c r="E62" s="19">
        <v>74024</v>
      </c>
      <c r="F62" s="19"/>
      <c r="G62" s="18" t="s">
        <v>122</v>
      </c>
      <c r="H62" s="17"/>
      <c r="I62" s="13">
        <v>5371</v>
      </c>
      <c r="J62" s="19">
        <v>1040</v>
      </c>
      <c r="K62" s="19">
        <v>4331</v>
      </c>
    </row>
    <row r="63" spans="1:11" ht="15" customHeight="1">
      <c r="A63" s="17" t="s">
        <v>123</v>
      </c>
      <c r="B63" s="17"/>
      <c r="C63" s="13">
        <v>159082</v>
      </c>
      <c r="D63" s="19">
        <v>81020</v>
      </c>
      <c r="E63" s="19">
        <v>78062</v>
      </c>
      <c r="F63" s="19"/>
      <c r="G63" s="18" t="s">
        <v>124</v>
      </c>
      <c r="H63" s="17"/>
      <c r="I63" s="13">
        <v>3730</v>
      </c>
      <c r="J63" s="19">
        <v>678</v>
      </c>
      <c r="K63" s="19">
        <v>3052</v>
      </c>
    </row>
    <row r="64" spans="1:11" ht="15" customHeight="1">
      <c r="A64" s="17" t="s">
        <v>125</v>
      </c>
      <c r="B64" s="17"/>
      <c r="C64" s="13">
        <v>157521</v>
      </c>
      <c r="D64" s="19">
        <v>79863</v>
      </c>
      <c r="E64" s="19">
        <v>77658</v>
      </c>
      <c r="F64" s="19"/>
      <c r="G64" s="18" t="s">
        <v>126</v>
      </c>
      <c r="H64" s="17"/>
      <c r="I64" s="13">
        <v>2613</v>
      </c>
      <c r="J64" s="19">
        <v>425</v>
      </c>
      <c r="K64" s="19">
        <v>2188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4806</v>
      </c>
      <c r="J65" s="19">
        <v>636</v>
      </c>
      <c r="K65" s="19">
        <v>4170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214074</v>
      </c>
      <c r="J66" s="27">
        <v>115563</v>
      </c>
      <c r="K66" s="27">
        <v>98511</v>
      </c>
    </row>
    <row r="68" spans="1:11">
      <c r="F68" s="28"/>
    </row>
    <row r="75" spans="1:11">
      <c r="F75" s="29"/>
    </row>
    <row r="76" spans="1:11">
      <c r="F76" s="22"/>
    </row>
    <row r="77" spans="1:11">
      <c r="F77" s="22"/>
    </row>
    <row r="78" spans="1:11">
      <c r="F78" s="22"/>
    </row>
    <row r="79" spans="1:11">
      <c r="F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 r:id="rId1"/>
  <headerFooter scaleWithDoc="0"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1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97646</v>
      </c>
      <c r="D4" s="14">
        <v>96120</v>
      </c>
      <c r="E4" s="14">
        <v>101526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732</v>
      </c>
      <c r="D5" s="14">
        <v>2939</v>
      </c>
      <c r="E5" s="14">
        <v>2793</v>
      </c>
      <c r="F5" s="14"/>
      <c r="G5" s="18" t="s">
        <v>8</v>
      </c>
      <c r="H5" s="17"/>
      <c r="I5" s="13">
        <v>15447</v>
      </c>
      <c r="J5" s="14">
        <v>7629</v>
      </c>
      <c r="K5" s="14">
        <v>7818</v>
      </c>
    </row>
    <row r="6" spans="1:11" ht="15" customHeight="1">
      <c r="A6" s="17" t="s">
        <v>9</v>
      </c>
      <c r="B6" s="17"/>
      <c r="C6" s="13">
        <v>991</v>
      </c>
      <c r="D6" s="19">
        <v>516</v>
      </c>
      <c r="E6" s="19">
        <v>475</v>
      </c>
      <c r="F6" s="19"/>
      <c r="G6" s="18" t="s">
        <v>10</v>
      </c>
      <c r="H6" s="17"/>
      <c r="I6" s="13">
        <v>3246</v>
      </c>
      <c r="J6" s="19">
        <v>1594</v>
      </c>
      <c r="K6" s="19">
        <v>1652</v>
      </c>
    </row>
    <row r="7" spans="1:11" ht="15" customHeight="1">
      <c r="A7" s="17" t="s">
        <v>11</v>
      </c>
      <c r="B7" s="17"/>
      <c r="C7" s="13">
        <v>1104</v>
      </c>
      <c r="D7" s="19">
        <v>574</v>
      </c>
      <c r="E7" s="19">
        <v>530</v>
      </c>
      <c r="F7" s="19"/>
      <c r="G7" s="18" t="s">
        <v>12</v>
      </c>
      <c r="H7" s="17"/>
      <c r="I7" s="13">
        <v>3080</v>
      </c>
      <c r="J7" s="19">
        <v>1507</v>
      </c>
      <c r="K7" s="19">
        <v>1573</v>
      </c>
    </row>
    <row r="8" spans="1:11" ht="15" customHeight="1">
      <c r="A8" s="17" t="s">
        <v>13</v>
      </c>
      <c r="B8" s="17"/>
      <c r="C8" s="13">
        <v>1139</v>
      </c>
      <c r="D8" s="19">
        <v>592</v>
      </c>
      <c r="E8" s="19">
        <v>547</v>
      </c>
      <c r="F8" s="19"/>
      <c r="G8" s="18" t="s">
        <v>14</v>
      </c>
      <c r="H8" s="17"/>
      <c r="I8" s="13">
        <v>3044</v>
      </c>
      <c r="J8" s="19">
        <v>1544</v>
      </c>
      <c r="K8" s="19">
        <v>1500</v>
      </c>
    </row>
    <row r="9" spans="1:11" ht="15" customHeight="1">
      <c r="A9" s="17" t="s">
        <v>15</v>
      </c>
      <c r="B9" s="17"/>
      <c r="C9" s="13">
        <v>1204</v>
      </c>
      <c r="D9" s="19">
        <v>602</v>
      </c>
      <c r="E9" s="19">
        <v>602</v>
      </c>
      <c r="F9" s="19"/>
      <c r="G9" s="18" t="s">
        <v>16</v>
      </c>
      <c r="H9" s="17"/>
      <c r="I9" s="13">
        <v>2987</v>
      </c>
      <c r="J9" s="19">
        <v>1474</v>
      </c>
      <c r="K9" s="19">
        <v>1513</v>
      </c>
    </row>
    <row r="10" spans="1:11" ht="15" customHeight="1">
      <c r="A10" s="17" t="s">
        <v>17</v>
      </c>
      <c r="B10" s="17"/>
      <c r="C10" s="13">
        <v>1294</v>
      </c>
      <c r="D10" s="19">
        <v>655</v>
      </c>
      <c r="E10" s="19">
        <v>639</v>
      </c>
      <c r="F10" s="19"/>
      <c r="G10" s="18" t="s">
        <v>18</v>
      </c>
      <c r="H10" s="17"/>
      <c r="I10" s="13">
        <v>3090</v>
      </c>
      <c r="J10" s="19">
        <v>1510</v>
      </c>
      <c r="K10" s="19">
        <v>1580</v>
      </c>
    </row>
    <row r="11" spans="1:11" ht="20.100000000000001" customHeight="1">
      <c r="A11" s="17" t="s">
        <v>19</v>
      </c>
      <c r="B11" s="17"/>
      <c r="C11" s="13">
        <v>6976</v>
      </c>
      <c r="D11" s="14">
        <v>3557</v>
      </c>
      <c r="E11" s="14">
        <v>3419</v>
      </c>
      <c r="F11" s="14"/>
      <c r="G11" s="18" t="s">
        <v>20</v>
      </c>
      <c r="H11" s="17"/>
      <c r="I11" s="13">
        <v>12990</v>
      </c>
      <c r="J11" s="14">
        <v>6388</v>
      </c>
      <c r="K11" s="14">
        <v>6602</v>
      </c>
    </row>
    <row r="12" spans="1:11" ht="15" customHeight="1">
      <c r="A12" s="17" t="s">
        <v>21</v>
      </c>
      <c r="B12" s="17"/>
      <c r="C12" s="13">
        <v>1305</v>
      </c>
      <c r="D12" s="19">
        <v>659</v>
      </c>
      <c r="E12" s="19">
        <v>646</v>
      </c>
      <c r="F12" s="19"/>
      <c r="G12" s="18" t="s">
        <v>22</v>
      </c>
      <c r="H12" s="17"/>
      <c r="I12" s="13">
        <v>2247</v>
      </c>
      <c r="J12" s="19">
        <v>1106</v>
      </c>
      <c r="K12" s="19">
        <v>1141</v>
      </c>
    </row>
    <row r="13" spans="1:11" ht="15" customHeight="1">
      <c r="A13" s="17" t="s">
        <v>23</v>
      </c>
      <c r="B13" s="17"/>
      <c r="C13" s="13">
        <v>1410</v>
      </c>
      <c r="D13" s="19">
        <v>731</v>
      </c>
      <c r="E13" s="19">
        <v>679</v>
      </c>
      <c r="F13" s="19"/>
      <c r="G13" s="18" t="s">
        <v>24</v>
      </c>
      <c r="H13" s="17"/>
      <c r="I13" s="13">
        <v>2927</v>
      </c>
      <c r="J13" s="19">
        <v>1479</v>
      </c>
      <c r="K13" s="19">
        <v>1448</v>
      </c>
    </row>
    <row r="14" spans="1:11" ht="15" customHeight="1">
      <c r="A14" s="17" t="s">
        <v>25</v>
      </c>
      <c r="B14" s="17"/>
      <c r="C14" s="13">
        <v>1442</v>
      </c>
      <c r="D14" s="19">
        <v>748</v>
      </c>
      <c r="E14" s="19">
        <v>694</v>
      </c>
      <c r="F14" s="19"/>
      <c r="G14" s="18" t="s">
        <v>26</v>
      </c>
      <c r="H14" s="17"/>
      <c r="I14" s="13">
        <v>2686</v>
      </c>
      <c r="J14" s="19">
        <v>1299</v>
      </c>
      <c r="K14" s="19">
        <v>1387</v>
      </c>
    </row>
    <row r="15" spans="1:11" ht="15" customHeight="1">
      <c r="A15" s="17" t="s">
        <v>27</v>
      </c>
      <c r="B15" s="17"/>
      <c r="C15" s="13">
        <v>1399</v>
      </c>
      <c r="D15" s="19">
        <v>705</v>
      </c>
      <c r="E15" s="19">
        <v>694</v>
      </c>
      <c r="F15" s="19"/>
      <c r="G15" s="18" t="s">
        <v>28</v>
      </c>
      <c r="H15" s="17"/>
      <c r="I15" s="13">
        <v>2567</v>
      </c>
      <c r="J15" s="19">
        <v>1257</v>
      </c>
      <c r="K15" s="19">
        <v>1310</v>
      </c>
    </row>
    <row r="16" spans="1:11" ht="15" customHeight="1">
      <c r="A16" s="17" t="s">
        <v>29</v>
      </c>
      <c r="B16" s="17"/>
      <c r="C16" s="13">
        <v>1420</v>
      </c>
      <c r="D16" s="19">
        <v>714</v>
      </c>
      <c r="E16" s="19">
        <v>706</v>
      </c>
      <c r="F16" s="19"/>
      <c r="G16" s="18" t="s">
        <v>30</v>
      </c>
      <c r="H16" s="17"/>
      <c r="I16" s="13">
        <v>2563</v>
      </c>
      <c r="J16" s="19">
        <v>1247</v>
      </c>
      <c r="K16" s="19">
        <v>1316</v>
      </c>
    </row>
    <row r="17" spans="1:11" ht="20.100000000000001" customHeight="1">
      <c r="A17" s="20" t="s">
        <v>31</v>
      </c>
      <c r="B17" s="20"/>
      <c r="C17" s="13">
        <v>8076</v>
      </c>
      <c r="D17" s="14">
        <v>4126</v>
      </c>
      <c r="E17" s="14">
        <v>3950</v>
      </c>
      <c r="F17" s="14"/>
      <c r="G17" s="18" t="s">
        <v>32</v>
      </c>
      <c r="H17" s="17"/>
      <c r="I17" s="13">
        <v>11627</v>
      </c>
      <c r="J17" s="14">
        <v>5713</v>
      </c>
      <c r="K17" s="14">
        <v>5914</v>
      </c>
    </row>
    <row r="18" spans="1:11" ht="15" customHeight="1">
      <c r="A18" s="17" t="s">
        <v>33</v>
      </c>
      <c r="B18" s="17"/>
      <c r="C18" s="13">
        <v>1554</v>
      </c>
      <c r="D18" s="19">
        <v>790</v>
      </c>
      <c r="E18" s="19">
        <v>764</v>
      </c>
      <c r="F18" s="19"/>
      <c r="G18" s="18" t="s">
        <v>34</v>
      </c>
      <c r="H18" s="17"/>
      <c r="I18" s="13">
        <v>2403</v>
      </c>
      <c r="J18" s="19">
        <v>1210</v>
      </c>
      <c r="K18" s="19">
        <v>1193</v>
      </c>
    </row>
    <row r="19" spans="1:11" ht="15" customHeight="1">
      <c r="A19" s="17" t="s">
        <v>35</v>
      </c>
      <c r="B19" s="17"/>
      <c r="C19" s="13">
        <v>1549</v>
      </c>
      <c r="D19" s="19">
        <v>771</v>
      </c>
      <c r="E19" s="19">
        <v>778</v>
      </c>
      <c r="F19" s="19"/>
      <c r="G19" s="18" t="s">
        <v>36</v>
      </c>
      <c r="H19" s="17"/>
      <c r="I19" s="13">
        <v>2351</v>
      </c>
      <c r="J19" s="19">
        <v>1137</v>
      </c>
      <c r="K19" s="19">
        <v>1214</v>
      </c>
    </row>
    <row r="20" spans="1:11" ht="15" customHeight="1">
      <c r="A20" s="17" t="s">
        <v>37</v>
      </c>
      <c r="B20" s="17"/>
      <c r="C20" s="13">
        <v>1596</v>
      </c>
      <c r="D20" s="19">
        <v>823</v>
      </c>
      <c r="E20" s="19">
        <v>773</v>
      </c>
      <c r="F20" s="19"/>
      <c r="G20" s="18" t="s">
        <v>38</v>
      </c>
      <c r="H20" s="17"/>
      <c r="I20" s="13">
        <v>2338</v>
      </c>
      <c r="J20" s="19">
        <v>1182</v>
      </c>
      <c r="K20" s="19">
        <v>1156</v>
      </c>
    </row>
    <row r="21" spans="1:11" ht="15" customHeight="1">
      <c r="A21" s="17" t="s">
        <v>39</v>
      </c>
      <c r="B21" s="17"/>
      <c r="C21" s="13">
        <v>1711</v>
      </c>
      <c r="D21" s="19">
        <v>883</v>
      </c>
      <c r="E21" s="19">
        <v>828</v>
      </c>
      <c r="F21" s="19"/>
      <c r="G21" s="18" t="s">
        <v>40</v>
      </c>
      <c r="H21" s="17"/>
      <c r="I21" s="13">
        <v>2294</v>
      </c>
      <c r="J21" s="19">
        <v>1088</v>
      </c>
      <c r="K21" s="19">
        <v>1206</v>
      </c>
    </row>
    <row r="22" spans="1:11" ht="15" customHeight="1">
      <c r="A22" s="17" t="s">
        <v>41</v>
      </c>
      <c r="B22" s="17"/>
      <c r="C22" s="13">
        <v>1666</v>
      </c>
      <c r="D22" s="19">
        <v>859</v>
      </c>
      <c r="E22" s="19">
        <v>807</v>
      </c>
      <c r="F22" s="19"/>
      <c r="G22" s="18" t="s">
        <v>42</v>
      </c>
      <c r="H22" s="17"/>
      <c r="I22" s="13">
        <v>2241</v>
      </c>
      <c r="J22" s="19">
        <v>1096</v>
      </c>
      <c r="K22" s="19">
        <v>1145</v>
      </c>
    </row>
    <row r="23" spans="1:11" ht="20.100000000000001" customHeight="1">
      <c r="A23" s="17" t="s">
        <v>43</v>
      </c>
      <c r="B23" s="17"/>
      <c r="C23" s="13">
        <v>9054</v>
      </c>
      <c r="D23" s="14">
        <v>4608</v>
      </c>
      <c r="E23" s="14">
        <v>4446</v>
      </c>
      <c r="F23" s="14"/>
      <c r="G23" s="18" t="s">
        <v>44</v>
      </c>
      <c r="H23" s="17"/>
      <c r="I23" s="13">
        <v>12283</v>
      </c>
      <c r="J23" s="14">
        <v>5884</v>
      </c>
      <c r="K23" s="14">
        <v>6399</v>
      </c>
    </row>
    <row r="24" spans="1:11" ht="15" customHeight="1">
      <c r="A24" s="17" t="s">
        <v>45</v>
      </c>
      <c r="B24" s="17"/>
      <c r="C24" s="13">
        <v>1757</v>
      </c>
      <c r="D24" s="19">
        <v>886</v>
      </c>
      <c r="E24" s="19">
        <v>871</v>
      </c>
      <c r="F24" s="19"/>
      <c r="G24" s="18" t="s">
        <v>46</v>
      </c>
      <c r="H24" s="17"/>
      <c r="I24" s="13">
        <v>2247</v>
      </c>
      <c r="J24" s="19">
        <v>1077</v>
      </c>
      <c r="K24" s="19">
        <v>1170</v>
      </c>
    </row>
    <row r="25" spans="1:11" ht="15" customHeight="1">
      <c r="A25" s="17" t="s">
        <v>47</v>
      </c>
      <c r="B25" s="17"/>
      <c r="C25" s="13">
        <v>1624</v>
      </c>
      <c r="D25" s="19">
        <v>810</v>
      </c>
      <c r="E25" s="19">
        <v>814</v>
      </c>
      <c r="F25" s="19"/>
      <c r="G25" s="18" t="s">
        <v>48</v>
      </c>
      <c r="H25" s="17"/>
      <c r="I25" s="13">
        <v>2462</v>
      </c>
      <c r="J25" s="19">
        <v>1165</v>
      </c>
      <c r="K25" s="19">
        <v>1297</v>
      </c>
    </row>
    <row r="26" spans="1:11" ht="15" customHeight="1">
      <c r="A26" s="17" t="s">
        <v>49</v>
      </c>
      <c r="B26" s="17"/>
      <c r="C26" s="13">
        <v>1727</v>
      </c>
      <c r="D26" s="19">
        <v>916</v>
      </c>
      <c r="E26" s="19">
        <v>811</v>
      </c>
      <c r="F26" s="19"/>
      <c r="G26" s="18" t="s">
        <v>50</v>
      </c>
      <c r="H26" s="17"/>
      <c r="I26" s="13">
        <v>2349</v>
      </c>
      <c r="J26" s="19">
        <v>1160</v>
      </c>
      <c r="K26" s="19">
        <v>1189</v>
      </c>
    </row>
    <row r="27" spans="1:11" ht="15" customHeight="1">
      <c r="A27" s="17" t="s">
        <v>51</v>
      </c>
      <c r="B27" s="17"/>
      <c r="C27" s="13">
        <v>1835</v>
      </c>
      <c r="D27" s="19">
        <v>921</v>
      </c>
      <c r="E27" s="19">
        <v>914</v>
      </c>
      <c r="F27" s="19"/>
      <c r="G27" s="18" t="s">
        <v>52</v>
      </c>
      <c r="H27" s="17"/>
      <c r="I27" s="13">
        <v>2512</v>
      </c>
      <c r="J27" s="19">
        <v>1177</v>
      </c>
      <c r="K27" s="19">
        <v>1335</v>
      </c>
    </row>
    <row r="28" spans="1:11" ht="15" customHeight="1">
      <c r="A28" s="17" t="s">
        <v>53</v>
      </c>
      <c r="B28" s="17"/>
      <c r="C28" s="13">
        <v>2111</v>
      </c>
      <c r="D28" s="19">
        <v>1075</v>
      </c>
      <c r="E28" s="19">
        <v>1036</v>
      </c>
      <c r="F28" s="19"/>
      <c r="G28" s="18" t="s">
        <v>54</v>
      </c>
      <c r="H28" s="17"/>
      <c r="I28" s="13">
        <v>2713</v>
      </c>
      <c r="J28" s="19">
        <v>1305</v>
      </c>
      <c r="K28" s="19">
        <v>1408</v>
      </c>
    </row>
    <row r="29" spans="1:11" ht="20.100000000000001" customHeight="1">
      <c r="A29" s="17" t="s">
        <v>55</v>
      </c>
      <c r="B29" s="17"/>
      <c r="C29" s="13">
        <v>11268</v>
      </c>
      <c r="D29" s="14">
        <v>5945</v>
      </c>
      <c r="E29" s="14">
        <v>5323</v>
      </c>
      <c r="F29" s="14"/>
      <c r="G29" s="18" t="s">
        <v>56</v>
      </c>
      <c r="H29" s="17"/>
      <c r="I29" s="13">
        <v>16241</v>
      </c>
      <c r="J29" s="14">
        <v>7728</v>
      </c>
      <c r="K29" s="14">
        <v>8513</v>
      </c>
    </row>
    <row r="30" spans="1:11" ht="15" customHeight="1">
      <c r="A30" s="17" t="s">
        <v>57</v>
      </c>
      <c r="B30" s="17"/>
      <c r="C30" s="13">
        <v>2244</v>
      </c>
      <c r="D30" s="19">
        <v>1178</v>
      </c>
      <c r="E30" s="19">
        <v>1066</v>
      </c>
      <c r="F30" s="19"/>
      <c r="G30" s="18" t="s">
        <v>58</v>
      </c>
      <c r="H30" s="17"/>
      <c r="I30" s="13">
        <v>2884</v>
      </c>
      <c r="J30" s="19">
        <v>1424</v>
      </c>
      <c r="K30" s="19">
        <v>1460</v>
      </c>
    </row>
    <row r="31" spans="1:11" ht="15" customHeight="1">
      <c r="A31" s="17" t="s">
        <v>59</v>
      </c>
      <c r="B31" s="17"/>
      <c r="C31" s="13">
        <v>2476</v>
      </c>
      <c r="D31" s="19">
        <v>1348</v>
      </c>
      <c r="E31" s="19">
        <v>1128</v>
      </c>
      <c r="F31" s="19"/>
      <c r="G31" s="18" t="s">
        <v>60</v>
      </c>
      <c r="H31" s="17"/>
      <c r="I31" s="13">
        <v>3096</v>
      </c>
      <c r="J31" s="19">
        <v>1476</v>
      </c>
      <c r="K31" s="19">
        <v>1620</v>
      </c>
    </row>
    <row r="32" spans="1:11" ht="15" customHeight="1">
      <c r="A32" s="17" t="s">
        <v>61</v>
      </c>
      <c r="B32" s="17"/>
      <c r="C32" s="13">
        <v>2397</v>
      </c>
      <c r="D32" s="19">
        <v>1303</v>
      </c>
      <c r="E32" s="19">
        <v>1094</v>
      </c>
      <c r="F32" s="19"/>
      <c r="G32" s="18" t="s">
        <v>62</v>
      </c>
      <c r="H32" s="17"/>
      <c r="I32" s="13">
        <v>3506</v>
      </c>
      <c r="J32" s="19">
        <v>1687</v>
      </c>
      <c r="K32" s="19">
        <v>1819</v>
      </c>
    </row>
    <row r="33" spans="1:11" ht="15" customHeight="1">
      <c r="A33" s="17" t="s">
        <v>63</v>
      </c>
      <c r="B33" s="17"/>
      <c r="C33" s="13">
        <v>2239</v>
      </c>
      <c r="D33" s="19">
        <v>1147</v>
      </c>
      <c r="E33" s="19">
        <v>1092</v>
      </c>
      <c r="F33" s="19"/>
      <c r="G33" s="18" t="s">
        <v>64</v>
      </c>
      <c r="H33" s="17"/>
      <c r="I33" s="13">
        <v>3373</v>
      </c>
      <c r="J33" s="19">
        <v>1586</v>
      </c>
      <c r="K33" s="19">
        <v>1787</v>
      </c>
    </row>
    <row r="34" spans="1:11" ht="15" customHeight="1">
      <c r="A34" s="17" t="s">
        <v>65</v>
      </c>
      <c r="B34" s="17"/>
      <c r="C34" s="13">
        <v>1912</v>
      </c>
      <c r="D34" s="19">
        <v>969</v>
      </c>
      <c r="E34" s="19">
        <v>943</v>
      </c>
      <c r="F34" s="19"/>
      <c r="G34" s="18" t="s">
        <v>66</v>
      </c>
      <c r="H34" s="17"/>
      <c r="I34" s="13">
        <v>3382</v>
      </c>
      <c r="J34" s="19">
        <v>1555</v>
      </c>
      <c r="K34" s="19">
        <v>1827</v>
      </c>
    </row>
    <row r="35" spans="1:11" ht="20.100000000000001" customHeight="1">
      <c r="A35" s="17" t="s">
        <v>67</v>
      </c>
      <c r="B35" s="17"/>
      <c r="C35" s="13">
        <v>8344</v>
      </c>
      <c r="D35" s="14">
        <v>4293</v>
      </c>
      <c r="E35" s="14">
        <v>4051</v>
      </c>
      <c r="F35" s="14"/>
      <c r="G35" s="18" t="s">
        <v>68</v>
      </c>
      <c r="H35" s="17"/>
      <c r="I35" s="13">
        <v>11546</v>
      </c>
      <c r="J35" s="14">
        <v>5340</v>
      </c>
      <c r="K35" s="14">
        <v>6206</v>
      </c>
    </row>
    <row r="36" spans="1:11" ht="15" customHeight="1">
      <c r="A36" s="17" t="s">
        <v>69</v>
      </c>
      <c r="B36" s="17"/>
      <c r="C36" s="13">
        <v>1777</v>
      </c>
      <c r="D36" s="19">
        <v>890</v>
      </c>
      <c r="E36" s="19">
        <v>887</v>
      </c>
      <c r="F36" s="19"/>
      <c r="G36" s="18" t="s">
        <v>70</v>
      </c>
      <c r="H36" s="17"/>
      <c r="I36" s="13">
        <v>2155</v>
      </c>
      <c r="J36" s="19">
        <v>987</v>
      </c>
      <c r="K36" s="19">
        <v>1168</v>
      </c>
    </row>
    <row r="37" spans="1:11" ht="15" customHeight="1">
      <c r="A37" s="17" t="s">
        <v>71</v>
      </c>
      <c r="B37" s="17"/>
      <c r="C37" s="13">
        <v>1791</v>
      </c>
      <c r="D37" s="19">
        <v>928</v>
      </c>
      <c r="E37" s="19">
        <v>863</v>
      </c>
      <c r="F37" s="19"/>
      <c r="G37" s="18" t="s">
        <v>72</v>
      </c>
      <c r="H37" s="17"/>
      <c r="I37" s="13">
        <v>2039</v>
      </c>
      <c r="J37" s="19">
        <v>988</v>
      </c>
      <c r="K37" s="19">
        <v>1051</v>
      </c>
    </row>
    <row r="38" spans="1:11" ht="15" customHeight="1">
      <c r="A38" s="17" t="s">
        <v>73</v>
      </c>
      <c r="B38" s="17"/>
      <c r="C38" s="13">
        <v>1667</v>
      </c>
      <c r="D38" s="19">
        <v>836</v>
      </c>
      <c r="E38" s="19">
        <v>831</v>
      </c>
      <c r="F38" s="19"/>
      <c r="G38" s="18" t="s">
        <v>74</v>
      </c>
      <c r="H38" s="17"/>
      <c r="I38" s="13">
        <v>2443</v>
      </c>
      <c r="J38" s="19">
        <v>1110</v>
      </c>
      <c r="K38" s="19">
        <v>1333</v>
      </c>
    </row>
    <row r="39" spans="1:11" ht="15" customHeight="1">
      <c r="A39" s="17" t="s">
        <v>75</v>
      </c>
      <c r="B39" s="17"/>
      <c r="C39" s="13">
        <v>1591</v>
      </c>
      <c r="D39" s="19">
        <v>834</v>
      </c>
      <c r="E39" s="19">
        <v>757</v>
      </c>
      <c r="F39" s="19"/>
      <c r="G39" s="18" t="s">
        <v>76</v>
      </c>
      <c r="H39" s="17"/>
      <c r="I39" s="13">
        <v>2541</v>
      </c>
      <c r="J39" s="19">
        <v>1149</v>
      </c>
      <c r="K39" s="19">
        <v>1392</v>
      </c>
    </row>
    <row r="40" spans="1:11" ht="15" customHeight="1">
      <c r="A40" s="17" t="s">
        <v>77</v>
      </c>
      <c r="B40" s="17"/>
      <c r="C40" s="13">
        <v>1518</v>
      </c>
      <c r="D40" s="19">
        <v>805</v>
      </c>
      <c r="E40" s="19">
        <v>713</v>
      </c>
      <c r="F40" s="19"/>
      <c r="G40" s="18" t="s">
        <v>78</v>
      </c>
      <c r="H40" s="17"/>
      <c r="I40" s="13">
        <v>2368</v>
      </c>
      <c r="J40" s="19">
        <v>1106</v>
      </c>
      <c r="K40" s="19">
        <v>1262</v>
      </c>
    </row>
    <row r="41" spans="1:11" ht="20.100000000000001" customHeight="1">
      <c r="A41" s="17" t="s">
        <v>79</v>
      </c>
      <c r="B41" s="17"/>
      <c r="C41" s="13">
        <v>8208</v>
      </c>
      <c r="D41" s="14">
        <v>4237</v>
      </c>
      <c r="E41" s="14">
        <v>3971</v>
      </c>
      <c r="F41" s="14"/>
      <c r="G41" s="18" t="s">
        <v>80</v>
      </c>
      <c r="H41" s="17"/>
      <c r="I41" s="13">
        <v>9317</v>
      </c>
      <c r="J41" s="14">
        <v>4033</v>
      </c>
      <c r="K41" s="14">
        <v>5284</v>
      </c>
    </row>
    <row r="42" spans="1:11" ht="15" customHeight="1">
      <c r="A42" s="17" t="s">
        <v>81</v>
      </c>
      <c r="B42" s="17"/>
      <c r="C42" s="13">
        <v>1514</v>
      </c>
      <c r="D42" s="19">
        <v>779</v>
      </c>
      <c r="E42" s="19">
        <v>735</v>
      </c>
      <c r="F42" s="19"/>
      <c r="G42" s="18" t="s">
        <v>82</v>
      </c>
      <c r="H42" s="17"/>
      <c r="I42" s="13">
        <v>2323</v>
      </c>
      <c r="J42" s="19">
        <v>1002</v>
      </c>
      <c r="K42" s="19">
        <v>1321</v>
      </c>
    </row>
    <row r="43" spans="1:11" ht="15" customHeight="1">
      <c r="A43" s="17" t="s">
        <v>83</v>
      </c>
      <c r="B43" s="17"/>
      <c r="C43" s="13">
        <v>1543</v>
      </c>
      <c r="D43" s="19">
        <v>808</v>
      </c>
      <c r="E43" s="19">
        <v>735</v>
      </c>
      <c r="F43" s="19"/>
      <c r="G43" s="18" t="s">
        <v>84</v>
      </c>
      <c r="H43" s="17"/>
      <c r="I43" s="13">
        <v>2025</v>
      </c>
      <c r="J43" s="19">
        <v>847</v>
      </c>
      <c r="K43" s="19">
        <v>1178</v>
      </c>
    </row>
    <row r="44" spans="1:11" ht="15" customHeight="1">
      <c r="A44" s="17" t="s">
        <v>85</v>
      </c>
      <c r="B44" s="17"/>
      <c r="C44" s="13">
        <v>1562</v>
      </c>
      <c r="D44" s="19">
        <v>787</v>
      </c>
      <c r="E44" s="19">
        <v>775</v>
      </c>
      <c r="F44" s="19"/>
      <c r="G44" s="18" t="s">
        <v>86</v>
      </c>
      <c r="H44" s="17"/>
      <c r="I44" s="13">
        <v>1741</v>
      </c>
      <c r="J44" s="19">
        <v>791</v>
      </c>
      <c r="K44" s="19">
        <v>950</v>
      </c>
    </row>
    <row r="45" spans="1:11" ht="15" customHeight="1">
      <c r="A45" s="17" t="s">
        <v>87</v>
      </c>
      <c r="B45" s="17"/>
      <c r="C45" s="13">
        <v>1810</v>
      </c>
      <c r="D45" s="19">
        <v>927</v>
      </c>
      <c r="E45" s="19">
        <v>883</v>
      </c>
      <c r="F45" s="19"/>
      <c r="G45" s="18" t="s">
        <v>88</v>
      </c>
      <c r="H45" s="17"/>
      <c r="I45" s="13">
        <v>1569</v>
      </c>
      <c r="J45" s="19">
        <v>700</v>
      </c>
      <c r="K45" s="19">
        <v>869</v>
      </c>
    </row>
    <row r="46" spans="1:11" ht="15" customHeight="1">
      <c r="A46" s="17" t="s">
        <v>89</v>
      </c>
      <c r="B46" s="17"/>
      <c r="C46" s="13">
        <v>1779</v>
      </c>
      <c r="D46" s="19">
        <v>936</v>
      </c>
      <c r="E46" s="19">
        <v>843</v>
      </c>
      <c r="F46" s="19"/>
      <c r="G46" s="18" t="s">
        <v>90</v>
      </c>
      <c r="H46" s="17"/>
      <c r="I46" s="13">
        <v>1659</v>
      </c>
      <c r="J46" s="19">
        <v>693</v>
      </c>
      <c r="K46" s="19">
        <v>966</v>
      </c>
    </row>
    <row r="47" spans="1:11" ht="20.100000000000001" customHeight="1">
      <c r="A47" s="17" t="s">
        <v>91</v>
      </c>
      <c r="B47" s="17"/>
      <c r="C47" s="13">
        <v>9708</v>
      </c>
      <c r="D47" s="14">
        <v>4916</v>
      </c>
      <c r="E47" s="14">
        <v>4792</v>
      </c>
      <c r="F47" s="14"/>
      <c r="G47" s="18" t="s">
        <v>92</v>
      </c>
      <c r="H47" s="17"/>
      <c r="I47" s="13">
        <v>6111</v>
      </c>
      <c r="J47" s="14">
        <v>2414</v>
      </c>
      <c r="K47" s="14">
        <v>3697</v>
      </c>
    </row>
    <row r="48" spans="1:11" ht="15" customHeight="1">
      <c r="A48" s="17" t="s">
        <v>93</v>
      </c>
      <c r="B48" s="17"/>
      <c r="C48" s="13">
        <v>1760</v>
      </c>
      <c r="D48" s="19">
        <v>911</v>
      </c>
      <c r="E48" s="19">
        <v>849</v>
      </c>
      <c r="F48" s="19"/>
      <c r="G48" s="18" t="s">
        <v>94</v>
      </c>
      <c r="H48" s="17"/>
      <c r="I48" s="13">
        <v>1520</v>
      </c>
      <c r="J48" s="19">
        <v>664</v>
      </c>
      <c r="K48" s="19">
        <v>856</v>
      </c>
    </row>
    <row r="49" spans="1:11" ht="15" customHeight="1">
      <c r="A49" s="17" t="s">
        <v>95</v>
      </c>
      <c r="B49" s="17"/>
      <c r="C49" s="13">
        <v>1833</v>
      </c>
      <c r="D49" s="19">
        <v>939</v>
      </c>
      <c r="E49" s="19">
        <v>894</v>
      </c>
      <c r="F49" s="19"/>
      <c r="G49" s="18" t="s">
        <v>96</v>
      </c>
      <c r="H49" s="17"/>
      <c r="I49" s="13">
        <v>1441</v>
      </c>
      <c r="J49" s="19">
        <v>587</v>
      </c>
      <c r="K49" s="19">
        <v>854</v>
      </c>
    </row>
    <row r="50" spans="1:11" ht="15" customHeight="1">
      <c r="A50" s="17" t="s">
        <v>97</v>
      </c>
      <c r="B50" s="17"/>
      <c r="C50" s="13">
        <v>1995</v>
      </c>
      <c r="D50" s="19">
        <v>986</v>
      </c>
      <c r="E50" s="19">
        <v>1009</v>
      </c>
      <c r="F50" s="19"/>
      <c r="G50" s="18" t="s">
        <v>98</v>
      </c>
      <c r="H50" s="17"/>
      <c r="I50" s="13">
        <v>1151</v>
      </c>
      <c r="J50" s="19">
        <v>434</v>
      </c>
      <c r="K50" s="19">
        <v>717</v>
      </c>
    </row>
    <row r="51" spans="1:11" ht="15" customHeight="1">
      <c r="A51" s="17" t="s">
        <v>99</v>
      </c>
      <c r="B51" s="17"/>
      <c r="C51" s="13">
        <v>2077</v>
      </c>
      <c r="D51" s="19">
        <v>1021</v>
      </c>
      <c r="E51" s="19">
        <v>1056</v>
      </c>
      <c r="F51" s="19"/>
      <c r="G51" s="18" t="s">
        <v>100</v>
      </c>
      <c r="H51" s="17"/>
      <c r="I51" s="13">
        <v>1102</v>
      </c>
      <c r="J51" s="19">
        <v>419</v>
      </c>
      <c r="K51" s="19">
        <v>683</v>
      </c>
    </row>
    <row r="52" spans="1:11" ht="15" customHeight="1">
      <c r="A52" s="17" t="s">
        <v>101</v>
      </c>
      <c r="B52" s="17"/>
      <c r="C52" s="13">
        <v>2043</v>
      </c>
      <c r="D52" s="19">
        <v>1059</v>
      </c>
      <c r="E52" s="19">
        <v>984</v>
      </c>
      <c r="F52" s="19"/>
      <c r="G52" s="18" t="s">
        <v>102</v>
      </c>
      <c r="H52" s="17"/>
      <c r="I52" s="13">
        <v>897</v>
      </c>
      <c r="J52" s="19">
        <v>310</v>
      </c>
      <c r="K52" s="19">
        <v>587</v>
      </c>
    </row>
    <row r="53" spans="1:11" ht="20.100000000000001" customHeight="1">
      <c r="A53" s="17" t="s">
        <v>103</v>
      </c>
      <c r="B53" s="17"/>
      <c r="C53" s="13">
        <v>11775</v>
      </c>
      <c r="D53" s="14">
        <v>5868</v>
      </c>
      <c r="E53" s="14">
        <v>5907</v>
      </c>
      <c r="F53" s="14"/>
      <c r="G53" s="18" t="s">
        <v>104</v>
      </c>
      <c r="H53" s="17"/>
      <c r="I53" s="13">
        <v>2717</v>
      </c>
      <c r="J53" s="14">
        <v>848</v>
      </c>
      <c r="K53" s="14">
        <v>1869</v>
      </c>
    </row>
    <row r="54" spans="1:11" ht="15" customHeight="1">
      <c r="A54" s="17" t="s">
        <v>105</v>
      </c>
      <c r="B54" s="17"/>
      <c r="C54" s="13">
        <v>2226</v>
      </c>
      <c r="D54" s="19">
        <v>1147</v>
      </c>
      <c r="E54" s="19">
        <v>1079</v>
      </c>
      <c r="F54" s="19"/>
      <c r="G54" s="18" t="s">
        <v>106</v>
      </c>
      <c r="H54" s="17"/>
      <c r="I54" s="13">
        <v>786</v>
      </c>
      <c r="J54" s="19">
        <v>260</v>
      </c>
      <c r="K54" s="19">
        <v>526</v>
      </c>
    </row>
    <row r="55" spans="1:11" ht="15" customHeight="1">
      <c r="A55" s="17" t="s">
        <v>107</v>
      </c>
      <c r="B55" s="17"/>
      <c r="C55" s="13">
        <v>2272</v>
      </c>
      <c r="D55" s="19">
        <v>1080</v>
      </c>
      <c r="E55" s="19">
        <v>1192</v>
      </c>
      <c r="F55" s="19"/>
      <c r="G55" s="18" t="s">
        <v>108</v>
      </c>
      <c r="H55" s="17"/>
      <c r="I55" s="13">
        <v>629</v>
      </c>
      <c r="J55" s="19">
        <v>205</v>
      </c>
      <c r="K55" s="19">
        <v>424</v>
      </c>
    </row>
    <row r="56" spans="1:11" ht="15" customHeight="1">
      <c r="A56" s="17" t="s">
        <v>109</v>
      </c>
      <c r="B56" s="17"/>
      <c r="C56" s="13">
        <v>2308</v>
      </c>
      <c r="D56" s="19">
        <v>1168</v>
      </c>
      <c r="E56" s="19">
        <v>1140</v>
      </c>
      <c r="F56" s="19"/>
      <c r="G56" s="18" t="s">
        <v>110</v>
      </c>
      <c r="H56" s="17"/>
      <c r="I56" s="13">
        <v>536</v>
      </c>
      <c r="J56" s="19">
        <v>153</v>
      </c>
      <c r="K56" s="19">
        <v>383</v>
      </c>
    </row>
    <row r="57" spans="1:11" ht="15" customHeight="1">
      <c r="A57" s="17" t="s">
        <v>111</v>
      </c>
      <c r="B57" s="17"/>
      <c r="C57" s="13">
        <v>2381</v>
      </c>
      <c r="D57" s="19">
        <v>1202</v>
      </c>
      <c r="E57" s="19">
        <v>1179</v>
      </c>
      <c r="F57" s="19"/>
      <c r="G57" s="18" t="s">
        <v>112</v>
      </c>
      <c r="H57" s="17"/>
      <c r="I57" s="13">
        <v>462</v>
      </c>
      <c r="J57" s="19">
        <v>141</v>
      </c>
      <c r="K57" s="19">
        <v>321</v>
      </c>
    </row>
    <row r="58" spans="1:11" ht="15" customHeight="1">
      <c r="A58" s="17" t="s">
        <v>113</v>
      </c>
      <c r="B58" s="17"/>
      <c r="C58" s="13">
        <v>2588</v>
      </c>
      <c r="D58" s="19">
        <v>1271</v>
      </c>
      <c r="E58" s="19">
        <v>1317</v>
      </c>
      <c r="F58" s="19"/>
      <c r="G58" s="18" t="s">
        <v>114</v>
      </c>
      <c r="H58" s="17"/>
      <c r="I58" s="13">
        <v>304</v>
      </c>
      <c r="J58" s="19">
        <v>89</v>
      </c>
      <c r="K58" s="19">
        <v>215</v>
      </c>
    </row>
    <row r="59" spans="1:11" ht="20.100000000000001" customHeight="1">
      <c r="A59" s="17" t="s">
        <v>115</v>
      </c>
      <c r="B59" s="17"/>
      <c r="C59" s="13">
        <v>14905</v>
      </c>
      <c r="D59" s="14">
        <v>7494</v>
      </c>
      <c r="E59" s="14">
        <v>7411</v>
      </c>
      <c r="F59" s="14"/>
      <c r="G59" s="18" t="s">
        <v>116</v>
      </c>
      <c r="H59" s="17"/>
      <c r="I59" s="13">
        <v>745</v>
      </c>
      <c r="J59" s="14">
        <v>162</v>
      </c>
      <c r="K59" s="14">
        <v>583</v>
      </c>
    </row>
    <row r="60" spans="1:11" ht="15" customHeight="1">
      <c r="A60" s="17" t="s">
        <v>117</v>
      </c>
      <c r="B60" s="17"/>
      <c r="C60" s="13">
        <v>2635</v>
      </c>
      <c r="D60" s="19">
        <v>1330</v>
      </c>
      <c r="E60" s="19">
        <v>1305</v>
      </c>
      <c r="F60" s="19"/>
      <c r="G60" s="18" t="s">
        <v>118</v>
      </c>
      <c r="H60" s="17"/>
      <c r="I60" s="13">
        <v>251</v>
      </c>
      <c r="J60" s="19">
        <v>60</v>
      </c>
      <c r="K60" s="19">
        <v>191</v>
      </c>
    </row>
    <row r="61" spans="1:11" ht="15" customHeight="1">
      <c r="A61" s="17" t="s">
        <v>119</v>
      </c>
      <c r="B61" s="17"/>
      <c r="C61" s="13">
        <v>2801</v>
      </c>
      <c r="D61" s="19">
        <v>1392</v>
      </c>
      <c r="E61" s="19">
        <v>1409</v>
      </c>
      <c r="F61" s="19"/>
      <c r="G61" s="18" t="s">
        <v>120</v>
      </c>
      <c r="H61" s="17"/>
      <c r="I61" s="13">
        <v>213</v>
      </c>
      <c r="J61" s="19">
        <v>51</v>
      </c>
      <c r="K61" s="19">
        <v>162</v>
      </c>
    </row>
    <row r="62" spans="1:11" ht="15" customHeight="1">
      <c r="A62" s="17" t="s">
        <v>121</v>
      </c>
      <c r="B62" s="17"/>
      <c r="C62" s="13">
        <v>3035</v>
      </c>
      <c r="D62" s="19">
        <v>1519</v>
      </c>
      <c r="E62" s="19">
        <v>1516</v>
      </c>
      <c r="F62" s="19"/>
      <c r="G62" s="18" t="s">
        <v>122</v>
      </c>
      <c r="H62" s="17"/>
      <c r="I62" s="13">
        <v>139</v>
      </c>
      <c r="J62" s="19">
        <v>29</v>
      </c>
      <c r="K62" s="19">
        <v>110</v>
      </c>
    </row>
    <row r="63" spans="1:11" ht="15" customHeight="1">
      <c r="A63" s="17" t="s">
        <v>123</v>
      </c>
      <c r="B63" s="17"/>
      <c r="C63" s="13">
        <v>3185</v>
      </c>
      <c r="D63" s="19">
        <v>1615</v>
      </c>
      <c r="E63" s="19">
        <v>1570</v>
      </c>
      <c r="F63" s="19"/>
      <c r="G63" s="18" t="s">
        <v>124</v>
      </c>
      <c r="H63" s="17"/>
      <c r="I63" s="13">
        <v>86</v>
      </c>
      <c r="J63" s="19">
        <v>15</v>
      </c>
      <c r="K63" s="19">
        <v>71</v>
      </c>
    </row>
    <row r="64" spans="1:11" ht="15" customHeight="1">
      <c r="A64" s="17" t="s">
        <v>125</v>
      </c>
      <c r="B64" s="17"/>
      <c r="C64" s="13">
        <v>3249</v>
      </c>
      <c r="D64" s="19">
        <v>1638</v>
      </c>
      <c r="E64" s="19">
        <v>1611</v>
      </c>
      <c r="F64" s="19"/>
      <c r="G64" s="18" t="s">
        <v>126</v>
      </c>
      <c r="H64" s="17"/>
      <c r="I64" s="13">
        <v>56</v>
      </c>
      <c r="J64" s="19">
        <v>7</v>
      </c>
      <c r="K64" s="19">
        <v>49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13</v>
      </c>
      <c r="J65" s="19">
        <v>7</v>
      </c>
      <c r="K65" s="19">
        <v>106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4463</v>
      </c>
      <c r="J66" s="27">
        <v>1991</v>
      </c>
      <c r="K66" s="27">
        <v>2472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2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59521</v>
      </c>
      <c r="D4" s="14">
        <v>179335</v>
      </c>
      <c r="E4" s="14">
        <v>180186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4649</v>
      </c>
      <c r="D5" s="14">
        <v>7563</v>
      </c>
      <c r="E5" s="14">
        <v>7086</v>
      </c>
      <c r="F5" s="14"/>
      <c r="G5" s="18" t="s">
        <v>8</v>
      </c>
      <c r="H5" s="17"/>
      <c r="I5" s="13">
        <v>29683</v>
      </c>
      <c r="J5" s="14">
        <v>15142</v>
      </c>
      <c r="K5" s="14">
        <v>14541</v>
      </c>
    </row>
    <row r="6" spans="1:11" ht="15" customHeight="1">
      <c r="A6" s="17" t="s">
        <v>9</v>
      </c>
      <c r="B6" s="17"/>
      <c r="C6" s="13">
        <v>2996</v>
      </c>
      <c r="D6" s="19">
        <v>1497</v>
      </c>
      <c r="E6" s="19">
        <v>1499</v>
      </c>
      <c r="F6" s="19"/>
      <c r="G6" s="18" t="s">
        <v>10</v>
      </c>
      <c r="H6" s="17"/>
      <c r="I6" s="13">
        <v>6091</v>
      </c>
      <c r="J6" s="19">
        <v>3061</v>
      </c>
      <c r="K6" s="19">
        <v>3030</v>
      </c>
    </row>
    <row r="7" spans="1:11" ht="15" customHeight="1">
      <c r="A7" s="17" t="s">
        <v>11</v>
      </c>
      <c r="B7" s="17"/>
      <c r="C7" s="13">
        <v>2888</v>
      </c>
      <c r="D7" s="19">
        <v>1469</v>
      </c>
      <c r="E7" s="19">
        <v>1419</v>
      </c>
      <c r="F7" s="19"/>
      <c r="G7" s="18" t="s">
        <v>12</v>
      </c>
      <c r="H7" s="17"/>
      <c r="I7" s="13">
        <v>6022</v>
      </c>
      <c r="J7" s="19">
        <v>3024</v>
      </c>
      <c r="K7" s="19">
        <v>2998</v>
      </c>
    </row>
    <row r="8" spans="1:11" ht="15" customHeight="1">
      <c r="A8" s="17" t="s">
        <v>13</v>
      </c>
      <c r="B8" s="17"/>
      <c r="C8" s="13">
        <v>2842</v>
      </c>
      <c r="D8" s="19">
        <v>1472</v>
      </c>
      <c r="E8" s="19">
        <v>1370</v>
      </c>
      <c r="F8" s="19"/>
      <c r="G8" s="18" t="s">
        <v>14</v>
      </c>
      <c r="H8" s="17"/>
      <c r="I8" s="13">
        <v>5813</v>
      </c>
      <c r="J8" s="19">
        <v>2998</v>
      </c>
      <c r="K8" s="19">
        <v>2815</v>
      </c>
    </row>
    <row r="9" spans="1:11" ht="15" customHeight="1">
      <c r="A9" s="17" t="s">
        <v>15</v>
      </c>
      <c r="B9" s="17"/>
      <c r="C9" s="13">
        <v>3057</v>
      </c>
      <c r="D9" s="19">
        <v>1601</v>
      </c>
      <c r="E9" s="19">
        <v>1456</v>
      </c>
      <c r="F9" s="19"/>
      <c r="G9" s="18" t="s">
        <v>16</v>
      </c>
      <c r="H9" s="17"/>
      <c r="I9" s="13">
        <v>5765</v>
      </c>
      <c r="J9" s="19">
        <v>2934</v>
      </c>
      <c r="K9" s="19">
        <v>2831</v>
      </c>
    </row>
    <row r="10" spans="1:11" ht="15" customHeight="1">
      <c r="A10" s="17" t="s">
        <v>17</v>
      </c>
      <c r="B10" s="17"/>
      <c r="C10" s="13">
        <v>2866</v>
      </c>
      <c r="D10" s="19">
        <v>1524</v>
      </c>
      <c r="E10" s="19">
        <v>1342</v>
      </c>
      <c r="F10" s="19"/>
      <c r="G10" s="18" t="s">
        <v>18</v>
      </c>
      <c r="H10" s="17"/>
      <c r="I10" s="13">
        <v>5992</v>
      </c>
      <c r="J10" s="19">
        <v>3125</v>
      </c>
      <c r="K10" s="19">
        <v>2867</v>
      </c>
    </row>
    <row r="11" spans="1:11" ht="20.100000000000001" customHeight="1">
      <c r="A11" s="17" t="s">
        <v>19</v>
      </c>
      <c r="B11" s="17"/>
      <c r="C11" s="13">
        <v>14788</v>
      </c>
      <c r="D11" s="14">
        <v>7577</v>
      </c>
      <c r="E11" s="14">
        <v>7211</v>
      </c>
      <c r="F11" s="14"/>
      <c r="G11" s="18" t="s">
        <v>20</v>
      </c>
      <c r="H11" s="17"/>
      <c r="I11" s="13">
        <v>23054</v>
      </c>
      <c r="J11" s="14">
        <v>12019</v>
      </c>
      <c r="K11" s="14">
        <v>11035</v>
      </c>
    </row>
    <row r="12" spans="1:11" ht="15" customHeight="1">
      <c r="A12" s="17" t="s">
        <v>21</v>
      </c>
      <c r="B12" s="17"/>
      <c r="C12" s="13">
        <v>2982</v>
      </c>
      <c r="D12" s="19">
        <v>1521</v>
      </c>
      <c r="E12" s="19">
        <v>1461</v>
      </c>
      <c r="F12" s="19"/>
      <c r="G12" s="18" t="s">
        <v>22</v>
      </c>
      <c r="H12" s="17"/>
      <c r="I12" s="13">
        <v>4180</v>
      </c>
      <c r="J12" s="19">
        <v>2149</v>
      </c>
      <c r="K12" s="19">
        <v>2031</v>
      </c>
    </row>
    <row r="13" spans="1:11" ht="15" customHeight="1">
      <c r="A13" s="17" t="s">
        <v>23</v>
      </c>
      <c r="B13" s="17"/>
      <c r="C13" s="13">
        <v>3069</v>
      </c>
      <c r="D13" s="19">
        <v>1617</v>
      </c>
      <c r="E13" s="19">
        <v>1452</v>
      </c>
      <c r="F13" s="19"/>
      <c r="G13" s="18" t="s">
        <v>24</v>
      </c>
      <c r="H13" s="17"/>
      <c r="I13" s="13">
        <v>5417</v>
      </c>
      <c r="J13" s="19">
        <v>2869</v>
      </c>
      <c r="K13" s="19">
        <v>2548</v>
      </c>
    </row>
    <row r="14" spans="1:11" ht="15" customHeight="1">
      <c r="A14" s="17" t="s">
        <v>25</v>
      </c>
      <c r="B14" s="17"/>
      <c r="C14" s="13">
        <v>2990</v>
      </c>
      <c r="D14" s="19">
        <v>1527</v>
      </c>
      <c r="E14" s="19">
        <v>1463</v>
      </c>
      <c r="F14" s="19"/>
      <c r="G14" s="18" t="s">
        <v>26</v>
      </c>
      <c r="H14" s="17"/>
      <c r="I14" s="13">
        <v>4807</v>
      </c>
      <c r="J14" s="19">
        <v>2494</v>
      </c>
      <c r="K14" s="19">
        <v>2313</v>
      </c>
    </row>
    <row r="15" spans="1:11" ht="15" customHeight="1">
      <c r="A15" s="17" t="s">
        <v>27</v>
      </c>
      <c r="B15" s="17"/>
      <c r="C15" s="13">
        <v>2879</v>
      </c>
      <c r="D15" s="19">
        <v>1465</v>
      </c>
      <c r="E15" s="19">
        <v>1414</v>
      </c>
      <c r="F15" s="19"/>
      <c r="G15" s="18" t="s">
        <v>28</v>
      </c>
      <c r="H15" s="17"/>
      <c r="I15" s="13">
        <v>4484</v>
      </c>
      <c r="J15" s="19">
        <v>2363</v>
      </c>
      <c r="K15" s="19">
        <v>2121</v>
      </c>
    </row>
    <row r="16" spans="1:11" ht="15" customHeight="1">
      <c r="A16" s="17" t="s">
        <v>29</v>
      </c>
      <c r="B16" s="17"/>
      <c r="C16" s="13">
        <v>2868</v>
      </c>
      <c r="D16" s="19">
        <v>1447</v>
      </c>
      <c r="E16" s="19">
        <v>1421</v>
      </c>
      <c r="F16" s="19"/>
      <c r="G16" s="18" t="s">
        <v>30</v>
      </c>
      <c r="H16" s="17"/>
      <c r="I16" s="13">
        <v>4166</v>
      </c>
      <c r="J16" s="19">
        <v>2144</v>
      </c>
      <c r="K16" s="19">
        <v>2022</v>
      </c>
    </row>
    <row r="17" spans="1:11" ht="20.100000000000001" customHeight="1">
      <c r="A17" s="20" t="s">
        <v>31</v>
      </c>
      <c r="B17" s="20"/>
      <c r="C17" s="13">
        <v>13859</v>
      </c>
      <c r="D17" s="14">
        <v>7071</v>
      </c>
      <c r="E17" s="14">
        <v>6788</v>
      </c>
      <c r="F17" s="14"/>
      <c r="G17" s="18" t="s">
        <v>32</v>
      </c>
      <c r="H17" s="17"/>
      <c r="I17" s="13">
        <v>17822</v>
      </c>
      <c r="J17" s="14">
        <v>9120</v>
      </c>
      <c r="K17" s="14">
        <v>8702</v>
      </c>
    </row>
    <row r="18" spans="1:11" ht="15" customHeight="1">
      <c r="A18" s="17" t="s">
        <v>33</v>
      </c>
      <c r="B18" s="17"/>
      <c r="C18" s="13">
        <v>2896</v>
      </c>
      <c r="D18" s="19">
        <v>1502</v>
      </c>
      <c r="E18" s="19">
        <v>1394</v>
      </c>
      <c r="F18" s="19"/>
      <c r="G18" s="18" t="s">
        <v>34</v>
      </c>
      <c r="H18" s="17"/>
      <c r="I18" s="13">
        <v>3901</v>
      </c>
      <c r="J18" s="19">
        <v>2018</v>
      </c>
      <c r="K18" s="19">
        <v>1883</v>
      </c>
    </row>
    <row r="19" spans="1:11" ht="15" customHeight="1">
      <c r="A19" s="17" t="s">
        <v>35</v>
      </c>
      <c r="B19" s="17"/>
      <c r="C19" s="13">
        <v>2806</v>
      </c>
      <c r="D19" s="19">
        <v>1477</v>
      </c>
      <c r="E19" s="19">
        <v>1329</v>
      </c>
      <c r="F19" s="19"/>
      <c r="G19" s="18" t="s">
        <v>36</v>
      </c>
      <c r="H19" s="17"/>
      <c r="I19" s="13">
        <v>3822</v>
      </c>
      <c r="J19" s="19">
        <v>1940</v>
      </c>
      <c r="K19" s="19">
        <v>1882</v>
      </c>
    </row>
    <row r="20" spans="1:11" ht="15" customHeight="1">
      <c r="A20" s="17" t="s">
        <v>37</v>
      </c>
      <c r="B20" s="17"/>
      <c r="C20" s="13">
        <v>2723</v>
      </c>
      <c r="D20" s="19">
        <v>1309</v>
      </c>
      <c r="E20" s="19">
        <v>1414</v>
      </c>
      <c r="F20" s="19"/>
      <c r="G20" s="18" t="s">
        <v>38</v>
      </c>
      <c r="H20" s="17"/>
      <c r="I20" s="13">
        <v>3605</v>
      </c>
      <c r="J20" s="19">
        <v>1887</v>
      </c>
      <c r="K20" s="19">
        <v>1718</v>
      </c>
    </row>
    <row r="21" spans="1:11" ht="15" customHeight="1">
      <c r="A21" s="17" t="s">
        <v>39</v>
      </c>
      <c r="B21" s="17"/>
      <c r="C21" s="13">
        <v>2733</v>
      </c>
      <c r="D21" s="19">
        <v>1407</v>
      </c>
      <c r="E21" s="19">
        <v>1326</v>
      </c>
      <c r="F21" s="19"/>
      <c r="G21" s="18" t="s">
        <v>40</v>
      </c>
      <c r="H21" s="17"/>
      <c r="I21" s="13">
        <v>3413</v>
      </c>
      <c r="J21" s="19">
        <v>1729</v>
      </c>
      <c r="K21" s="19">
        <v>1684</v>
      </c>
    </row>
    <row r="22" spans="1:11" ht="15" customHeight="1">
      <c r="A22" s="17" t="s">
        <v>41</v>
      </c>
      <c r="B22" s="17"/>
      <c r="C22" s="13">
        <v>2701</v>
      </c>
      <c r="D22" s="19">
        <v>1376</v>
      </c>
      <c r="E22" s="19">
        <v>1325</v>
      </c>
      <c r="F22" s="19"/>
      <c r="G22" s="18" t="s">
        <v>42</v>
      </c>
      <c r="H22" s="17"/>
      <c r="I22" s="13">
        <v>3081</v>
      </c>
      <c r="J22" s="19">
        <v>1546</v>
      </c>
      <c r="K22" s="19">
        <v>1535</v>
      </c>
    </row>
    <row r="23" spans="1:11" ht="20.100000000000001" customHeight="1">
      <c r="A23" s="17" t="s">
        <v>43</v>
      </c>
      <c r="B23" s="17"/>
      <c r="C23" s="13">
        <v>13709</v>
      </c>
      <c r="D23" s="14">
        <v>6975</v>
      </c>
      <c r="E23" s="14">
        <v>6734</v>
      </c>
      <c r="F23" s="14"/>
      <c r="G23" s="18" t="s">
        <v>44</v>
      </c>
      <c r="H23" s="17"/>
      <c r="I23" s="13">
        <v>15438</v>
      </c>
      <c r="J23" s="14">
        <v>7609</v>
      </c>
      <c r="K23" s="14">
        <v>7829</v>
      </c>
    </row>
    <row r="24" spans="1:11" ht="15" customHeight="1">
      <c r="A24" s="17" t="s">
        <v>45</v>
      </c>
      <c r="B24" s="17"/>
      <c r="C24" s="13">
        <v>2705</v>
      </c>
      <c r="D24" s="19">
        <v>1421</v>
      </c>
      <c r="E24" s="19">
        <v>1284</v>
      </c>
      <c r="F24" s="19"/>
      <c r="G24" s="18" t="s">
        <v>46</v>
      </c>
      <c r="H24" s="17"/>
      <c r="I24" s="13">
        <v>3106</v>
      </c>
      <c r="J24" s="19">
        <v>1540</v>
      </c>
      <c r="K24" s="19">
        <v>1566</v>
      </c>
    </row>
    <row r="25" spans="1:11" ht="15" customHeight="1">
      <c r="A25" s="17" t="s">
        <v>47</v>
      </c>
      <c r="B25" s="17"/>
      <c r="C25" s="13">
        <v>2503</v>
      </c>
      <c r="D25" s="19">
        <v>1234</v>
      </c>
      <c r="E25" s="19">
        <v>1269</v>
      </c>
      <c r="F25" s="19"/>
      <c r="G25" s="18" t="s">
        <v>48</v>
      </c>
      <c r="H25" s="17"/>
      <c r="I25" s="13">
        <v>3179</v>
      </c>
      <c r="J25" s="19">
        <v>1616</v>
      </c>
      <c r="K25" s="19">
        <v>1563</v>
      </c>
    </row>
    <row r="26" spans="1:11" ht="15" customHeight="1">
      <c r="A26" s="17" t="s">
        <v>49</v>
      </c>
      <c r="B26" s="17"/>
      <c r="C26" s="13">
        <v>2758</v>
      </c>
      <c r="D26" s="19">
        <v>1395</v>
      </c>
      <c r="E26" s="19">
        <v>1363</v>
      </c>
      <c r="F26" s="19"/>
      <c r="G26" s="18" t="s">
        <v>50</v>
      </c>
      <c r="H26" s="17"/>
      <c r="I26" s="13">
        <v>2960</v>
      </c>
      <c r="J26" s="19">
        <v>1450</v>
      </c>
      <c r="K26" s="19">
        <v>1510</v>
      </c>
    </row>
    <row r="27" spans="1:11" ht="15" customHeight="1">
      <c r="A27" s="17" t="s">
        <v>51</v>
      </c>
      <c r="B27" s="17"/>
      <c r="C27" s="13">
        <v>2676</v>
      </c>
      <c r="D27" s="19">
        <v>1383</v>
      </c>
      <c r="E27" s="19">
        <v>1293</v>
      </c>
      <c r="F27" s="19"/>
      <c r="G27" s="18" t="s">
        <v>52</v>
      </c>
      <c r="H27" s="17"/>
      <c r="I27" s="13">
        <v>3008</v>
      </c>
      <c r="J27" s="19">
        <v>1486</v>
      </c>
      <c r="K27" s="19">
        <v>1522</v>
      </c>
    </row>
    <row r="28" spans="1:11" ht="15" customHeight="1">
      <c r="A28" s="17" t="s">
        <v>53</v>
      </c>
      <c r="B28" s="17"/>
      <c r="C28" s="13">
        <v>3067</v>
      </c>
      <c r="D28" s="19">
        <v>1542</v>
      </c>
      <c r="E28" s="19">
        <v>1525</v>
      </c>
      <c r="F28" s="19"/>
      <c r="G28" s="18" t="s">
        <v>54</v>
      </c>
      <c r="H28" s="17"/>
      <c r="I28" s="13">
        <v>3185</v>
      </c>
      <c r="J28" s="19">
        <v>1517</v>
      </c>
      <c r="K28" s="19">
        <v>1668</v>
      </c>
    </row>
    <row r="29" spans="1:11" ht="20.100000000000001" customHeight="1">
      <c r="A29" s="17" t="s">
        <v>55</v>
      </c>
      <c r="B29" s="17"/>
      <c r="C29" s="13">
        <v>20680</v>
      </c>
      <c r="D29" s="14">
        <v>10500</v>
      </c>
      <c r="E29" s="14">
        <v>10180</v>
      </c>
      <c r="F29" s="14"/>
      <c r="G29" s="18" t="s">
        <v>56</v>
      </c>
      <c r="H29" s="17"/>
      <c r="I29" s="13">
        <v>18253</v>
      </c>
      <c r="J29" s="14">
        <v>8704</v>
      </c>
      <c r="K29" s="14">
        <v>9549</v>
      </c>
    </row>
    <row r="30" spans="1:11" ht="15" customHeight="1">
      <c r="A30" s="17" t="s">
        <v>57</v>
      </c>
      <c r="B30" s="17"/>
      <c r="C30" s="13">
        <v>3377</v>
      </c>
      <c r="D30" s="19">
        <v>1740</v>
      </c>
      <c r="E30" s="19">
        <v>1637</v>
      </c>
      <c r="F30" s="19"/>
      <c r="G30" s="18" t="s">
        <v>58</v>
      </c>
      <c r="H30" s="17"/>
      <c r="I30" s="13">
        <v>3245</v>
      </c>
      <c r="J30" s="19">
        <v>1558</v>
      </c>
      <c r="K30" s="19">
        <v>1687</v>
      </c>
    </row>
    <row r="31" spans="1:11" ht="15" customHeight="1">
      <c r="A31" s="17" t="s">
        <v>59</v>
      </c>
      <c r="B31" s="17"/>
      <c r="C31" s="13">
        <v>3837</v>
      </c>
      <c r="D31" s="19">
        <v>1943</v>
      </c>
      <c r="E31" s="19">
        <v>1894</v>
      </c>
      <c r="F31" s="19"/>
      <c r="G31" s="18" t="s">
        <v>60</v>
      </c>
      <c r="H31" s="17"/>
      <c r="I31" s="13">
        <v>3351</v>
      </c>
      <c r="J31" s="19">
        <v>1603</v>
      </c>
      <c r="K31" s="19">
        <v>1748</v>
      </c>
    </row>
    <row r="32" spans="1:11" ht="15" customHeight="1">
      <c r="A32" s="17" t="s">
        <v>61</v>
      </c>
      <c r="B32" s="17"/>
      <c r="C32" s="13">
        <v>4116</v>
      </c>
      <c r="D32" s="19">
        <v>2130</v>
      </c>
      <c r="E32" s="19">
        <v>1986</v>
      </c>
      <c r="F32" s="19"/>
      <c r="G32" s="18" t="s">
        <v>62</v>
      </c>
      <c r="H32" s="17"/>
      <c r="I32" s="13">
        <v>3966</v>
      </c>
      <c r="J32" s="19">
        <v>1892</v>
      </c>
      <c r="K32" s="19">
        <v>2074</v>
      </c>
    </row>
    <row r="33" spans="1:11" ht="15" customHeight="1">
      <c r="A33" s="17" t="s">
        <v>63</v>
      </c>
      <c r="B33" s="17"/>
      <c r="C33" s="13">
        <v>4639</v>
      </c>
      <c r="D33" s="19">
        <v>2307</v>
      </c>
      <c r="E33" s="19">
        <v>2332</v>
      </c>
      <c r="F33" s="19"/>
      <c r="G33" s="18" t="s">
        <v>64</v>
      </c>
      <c r="H33" s="17"/>
      <c r="I33" s="13">
        <v>3901</v>
      </c>
      <c r="J33" s="19">
        <v>1864</v>
      </c>
      <c r="K33" s="19">
        <v>2037</v>
      </c>
    </row>
    <row r="34" spans="1:11" ht="15" customHeight="1">
      <c r="A34" s="17" t="s">
        <v>65</v>
      </c>
      <c r="B34" s="17"/>
      <c r="C34" s="13">
        <v>4711</v>
      </c>
      <c r="D34" s="19">
        <v>2380</v>
      </c>
      <c r="E34" s="19">
        <v>2331</v>
      </c>
      <c r="F34" s="19"/>
      <c r="G34" s="18" t="s">
        <v>66</v>
      </c>
      <c r="H34" s="17"/>
      <c r="I34" s="13">
        <v>3790</v>
      </c>
      <c r="J34" s="19">
        <v>1787</v>
      </c>
      <c r="K34" s="19">
        <v>2003</v>
      </c>
    </row>
    <row r="35" spans="1:11" ht="20.100000000000001" customHeight="1">
      <c r="A35" s="17" t="s">
        <v>67</v>
      </c>
      <c r="B35" s="17"/>
      <c r="C35" s="13">
        <v>24429</v>
      </c>
      <c r="D35" s="14">
        <v>12383</v>
      </c>
      <c r="E35" s="14">
        <v>12046</v>
      </c>
      <c r="F35" s="14"/>
      <c r="G35" s="18" t="s">
        <v>68</v>
      </c>
      <c r="H35" s="17"/>
      <c r="I35" s="13">
        <v>13096</v>
      </c>
      <c r="J35" s="14">
        <v>5765</v>
      </c>
      <c r="K35" s="14">
        <v>7331</v>
      </c>
    </row>
    <row r="36" spans="1:11" ht="15" customHeight="1">
      <c r="A36" s="17" t="s">
        <v>69</v>
      </c>
      <c r="B36" s="17"/>
      <c r="C36" s="13">
        <v>4804</v>
      </c>
      <c r="D36" s="19">
        <v>2430</v>
      </c>
      <c r="E36" s="19">
        <v>2374</v>
      </c>
      <c r="F36" s="19"/>
      <c r="G36" s="18" t="s">
        <v>70</v>
      </c>
      <c r="H36" s="17"/>
      <c r="I36" s="13">
        <v>2550</v>
      </c>
      <c r="J36" s="19">
        <v>1137</v>
      </c>
      <c r="K36" s="19">
        <v>1413</v>
      </c>
    </row>
    <row r="37" spans="1:11" ht="15" customHeight="1">
      <c r="A37" s="17" t="s">
        <v>71</v>
      </c>
      <c r="B37" s="17"/>
      <c r="C37" s="13">
        <v>4738</v>
      </c>
      <c r="D37" s="19">
        <v>2356</v>
      </c>
      <c r="E37" s="19">
        <v>2382</v>
      </c>
      <c r="F37" s="19"/>
      <c r="G37" s="18" t="s">
        <v>72</v>
      </c>
      <c r="H37" s="17"/>
      <c r="I37" s="13">
        <v>2354</v>
      </c>
      <c r="J37" s="19">
        <v>1063</v>
      </c>
      <c r="K37" s="19">
        <v>1291</v>
      </c>
    </row>
    <row r="38" spans="1:11" ht="15" customHeight="1">
      <c r="A38" s="17" t="s">
        <v>73</v>
      </c>
      <c r="B38" s="17"/>
      <c r="C38" s="13">
        <v>5019</v>
      </c>
      <c r="D38" s="19">
        <v>2617</v>
      </c>
      <c r="E38" s="19">
        <v>2402</v>
      </c>
      <c r="F38" s="19"/>
      <c r="G38" s="18" t="s">
        <v>74</v>
      </c>
      <c r="H38" s="17"/>
      <c r="I38" s="13">
        <v>2642</v>
      </c>
      <c r="J38" s="19">
        <v>1169</v>
      </c>
      <c r="K38" s="19">
        <v>1473</v>
      </c>
    </row>
    <row r="39" spans="1:11" ht="15" customHeight="1">
      <c r="A39" s="17" t="s">
        <v>75</v>
      </c>
      <c r="B39" s="17"/>
      <c r="C39" s="13">
        <v>4906</v>
      </c>
      <c r="D39" s="19">
        <v>2438</v>
      </c>
      <c r="E39" s="19">
        <v>2468</v>
      </c>
      <c r="F39" s="19"/>
      <c r="G39" s="18" t="s">
        <v>76</v>
      </c>
      <c r="H39" s="17"/>
      <c r="I39" s="13">
        <v>2907</v>
      </c>
      <c r="J39" s="19">
        <v>1269</v>
      </c>
      <c r="K39" s="19">
        <v>1638</v>
      </c>
    </row>
    <row r="40" spans="1:11" ht="15" customHeight="1">
      <c r="A40" s="17" t="s">
        <v>77</v>
      </c>
      <c r="B40" s="17"/>
      <c r="C40" s="13">
        <v>4962</v>
      </c>
      <c r="D40" s="19">
        <v>2542</v>
      </c>
      <c r="E40" s="19">
        <v>2420</v>
      </c>
      <c r="F40" s="19"/>
      <c r="G40" s="18" t="s">
        <v>78</v>
      </c>
      <c r="H40" s="17"/>
      <c r="I40" s="13">
        <v>2643</v>
      </c>
      <c r="J40" s="19">
        <v>1127</v>
      </c>
      <c r="K40" s="19">
        <v>1516</v>
      </c>
    </row>
    <row r="41" spans="1:11" ht="20.100000000000001" customHeight="1">
      <c r="A41" s="17" t="s">
        <v>79</v>
      </c>
      <c r="B41" s="17"/>
      <c r="C41" s="13">
        <v>23999</v>
      </c>
      <c r="D41" s="14">
        <v>12018</v>
      </c>
      <c r="E41" s="14">
        <v>11981</v>
      </c>
      <c r="F41" s="14"/>
      <c r="G41" s="18" t="s">
        <v>80</v>
      </c>
      <c r="H41" s="17"/>
      <c r="I41" s="13">
        <v>10666</v>
      </c>
      <c r="J41" s="14">
        <v>4422</v>
      </c>
      <c r="K41" s="14">
        <v>6244</v>
      </c>
    </row>
    <row r="42" spans="1:11" ht="15" customHeight="1">
      <c r="A42" s="17" t="s">
        <v>81</v>
      </c>
      <c r="B42" s="17"/>
      <c r="C42" s="13">
        <v>4898</v>
      </c>
      <c r="D42" s="19">
        <v>2424</v>
      </c>
      <c r="E42" s="19">
        <v>2474</v>
      </c>
      <c r="F42" s="19"/>
      <c r="G42" s="18" t="s">
        <v>82</v>
      </c>
      <c r="H42" s="17"/>
      <c r="I42" s="13">
        <v>2611</v>
      </c>
      <c r="J42" s="19">
        <v>1110</v>
      </c>
      <c r="K42" s="19">
        <v>1501</v>
      </c>
    </row>
    <row r="43" spans="1:11" ht="15" customHeight="1">
      <c r="A43" s="17" t="s">
        <v>83</v>
      </c>
      <c r="B43" s="17"/>
      <c r="C43" s="13">
        <v>4869</v>
      </c>
      <c r="D43" s="19">
        <v>2450</v>
      </c>
      <c r="E43" s="19">
        <v>2419</v>
      </c>
      <c r="F43" s="19"/>
      <c r="G43" s="18" t="s">
        <v>84</v>
      </c>
      <c r="H43" s="17"/>
      <c r="I43" s="13">
        <v>2374</v>
      </c>
      <c r="J43" s="19">
        <v>1009</v>
      </c>
      <c r="K43" s="19">
        <v>1365</v>
      </c>
    </row>
    <row r="44" spans="1:11" ht="15" customHeight="1">
      <c r="A44" s="17" t="s">
        <v>85</v>
      </c>
      <c r="B44" s="17"/>
      <c r="C44" s="13">
        <v>4672</v>
      </c>
      <c r="D44" s="19">
        <v>2337</v>
      </c>
      <c r="E44" s="19">
        <v>2335</v>
      </c>
      <c r="F44" s="19"/>
      <c r="G44" s="18" t="s">
        <v>86</v>
      </c>
      <c r="H44" s="17"/>
      <c r="I44" s="13">
        <v>1945</v>
      </c>
      <c r="J44" s="19">
        <v>813</v>
      </c>
      <c r="K44" s="19">
        <v>1132</v>
      </c>
    </row>
    <row r="45" spans="1:11" ht="15" customHeight="1">
      <c r="A45" s="17" t="s">
        <v>87</v>
      </c>
      <c r="B45" s="17"/>
      <c r="C45" s="13">
        <v>4814</v>
      </c>
      <c r="D45" s="19">
        <v>2399</v>
      </c>
      <c r="E45" s="19">
        <v>2415</v>
      </c>
      <c r="F45" s="19"/>
      <c r="G45" s="18" t="s">
        <v>88</v>
      </c>
      <c r="H45" s="17"/>
      <c r="I45" s="13">
        <v>1844</v>
      </c>
      <c r="J45" s="19">
        <v>742</v>
      </c>
      <c r="K45" s="19">
        <v>1102</v>
      </c>
    </row>
    <row r="46" spans="1:11" ht="15" customHeight="1">
      <c r="A46" s="17" t="s">
        <v>89</v>
      </c>
      <c r="B46" s="17"/>
      <c r="C46" s="13">
        <v>4746</v>
      </c>
      <c r="D46" s="19">
        <v>2408</v>
      </c>
      <c r="E46" s="19">
        <v>2338</v>
      </c>
      <c r="F46" s="19"/>
      <c r="G46" s="18" t="s">
        <v>90</v>
      </c>
      <c r="H46" s="17"/>
      <c r="I46" s="13">
        <v>1892</v>
      </c>
      <c r="J46" s="19">
        <v>748</v>
      </c>
      <c r="K46" s="19">
        <v>1144</v>
      </c>
    </row>
    <row r="47" spans="1:11" ht="20.100000000000001" customHeight="1">
      <c r="A47" s="17" t="s">
        <v>91</v>
      </c>
      <c r="B47" s="17"/>
      <c r="C47" s="13">
        <v>25372</v>
      </c>
      <c r="D47" s="14">
        <v>13066</v>
      </c>
      <c r="E47" s="14">
        <v>12306</v>
      </c>
      <c r="F47" s="14"/>
      <c r="G47" s="18" t="s">
        <v>92</v>
      </c>
      <c r="H47" s="17"/>
      <c r="I47" s="13">
        <v>7341</v>
      </c>
      <c r="J47" s="14">
        <v>2691</v>
      </c>
      <c r="K47" s="14">
        <v>4650</v>
      </c>
    </row>
    <row r="48" spans="1:11" ht="15" customHeight="1">
      <c r="A48" s="17" t="s">
        <v>93</v>
      </c>
      <c r="B48" s="17"/>
      <c r="C48" s="13">
        <v>4792</v>
      </c>
      <c r="D48" s="19">
        <v>2441</v>
      </c>
      <c r="E48" s="19">
        <v>2351</v>
      </c>
      <c r="F48" s="19"/>
      <c r="G48" s="18" t="s">
        <v>94</v>
      </c>
      <c r="H48" s="17"/>
      <c r="I48" s="13">
        <v>1757</v>
      </c>
      <c r="J48" s="19">
        <v>668</v>
      </c>
      <c r="K48" s="19">
        <v>1089</v>
      </c>
    </row>
    <row r="49" spans="1:11" ht="15" customHeight="1">
      <c r="A49" s="17" t="s">
        <v>95</v>
      </c>
      <c r="B49" s="17"/>
      <c r="C49" s="13">
        <v>5026</v>
      </c>
      <c r="D49" s="19">
        <v>2550</v>
      </c>
      <c r="E49" s="19">
        <v>2476</v>
      </c>
      <c r="F49" s="19"/>
      <c r="G49" s="18" t="s">
        <v>96</v>
      </c>
      <c r="H49" s="17"/>
      <c r="I49" s="13">
        <v>1733</v>
      </c>
      <c r="J49" s="19">
        <v>667</v>
      </c>
      <c r="K49" s="19">
        <v>1066</v>
      </c>
    </row>
    <row r="50" spans="1:11" ht="15" customHeight="1">
      <c r="A50" s="17" t="s">
        <v>97</v>
      </c>
      <c r="B50" s="17"/>
      <c r="C50" s="13">
        <v>5217</v>
      </c>
      <c r="D50" s="19">
        <v>2744</v>
      </c>
      <c r="E50" s="19">
        <v>2473</v>
      </c>
      <c r="F50" s="19"/>
      <c r="G50" s="18" t="s">
        <v>98</v>
      </c>
      <c r="H50" s="17"/>
      <c r="I50" s="13">
        <v>1382</v>
      </c>
      <c r="J50" s="19">
        <v>495</v>
      </c>
      <c r="K50" s="19">
        <v>887</v>
      </c>
    </row>
    <row r="51" spans="1:11" ht="15" customHeight="1">
      <c r="A51" s="17" t="s">
        <v>99</v>
      </c>
      <c r="B51" s="17"/>
      <c r="C51" s="13">
        <v>5154</v>
      </c>
      <c r="D51" s="19">
        <v>2636</v>
      </c>
      <c r="E51" s="19">
        <v>2518</v>
      </c>
      <c r="F51" s="19"/>
      <c r="G51" s="18" t="s">
        <v>100</v>
      </c>
      <c r="H51" s="17"/>
      <c r="I51" s="13">
        <v>1326</v>
      </c>
      <c r="J51" s="19">
        <v>455</v>
      </c>
      <c r="K51" s="19">
        <v>871</v>
      </c>
    </row>
    <row r="52" spans="1:11" ht="15" customHeight="1">
      <c r="A52" s="17" t="s">
        <v>101</v>
      </c>
      <c r="B52" s="17"/>
      <c r="C52" s="13">
        <v>5183</v>
      </c>
      <c r="D52" s="19">
        <v>2695</v>
      </c>
      <c r="E52" s="19">
        <v>2488</v>
      </c>
      <c r="F52" s="19"/>
      <c r="G52" s="18" t="s">
        <v>102</v>
      </c>
      <c r="H52" s="17"/>
      <c r="I52" s="13">
        <v>1143</v>
      </c>
      <c r="J52" s="19">
        <v>406</v>
      </c>
      <c r="K52" s="19">
        <v>737</v>
      </c>
    </row>
    <row r="53" spans="1:11" ht="20.100000000000001" customHeight="1">
      <c r="A53" s="17" t="s">
        <v>103</v>
      </c>
      <c r="B53" s="17"/>
      <c r="C53" s="13">
        <v>26264</v>
      </c>
      <c r="D53" s="14">
        <v>13420</v>
      </c>
      <c r="E53" s="14">
        <v>12844</v>
      </c>
      <c r="F53" s="14"/>
      <c r="G53" s="18" t="s">
        <v>104</v>
      </c>
      <c r="H53" s="17"/>
      <c r="I53" s="13">
        <v>3624</v>
      </c>
      <c r="J53" s="14">
        <v>1050</v>
      </c>
      <c r="K53" s="14">
        <v>2574</v>
      </c>
    </row>
    <row r="54" spans="1:11" ht="15" customHeight="1">
      <c r="A54" s="17" t="s">
        <v>105</v>
      </c>
      <c r="B54" s="17"/>
      <c r="C54" s="13">
        <v>5011</v>
      </c>
      <c r="D54" s="19">
        <v>2544</v>
      </c>
      <c r="E54" s="19">
        <v>2467</v>
      </c>
      <c r="F54" s="19"/>
      <c r="G54" s="18" t="s">
        <v>106</v>
      </c>
      <c r="H54" s="17"/>
      <c r="I54" s="13">
        <v>1030</v>
      </c>
      <c r="J54" s="19">
        <v>306</v>
      </c>
      <c r="K54" s="19">
        <v>724</v>
      </c>
    </row>
    <row r="55" spans="1:11" ht="15" customHeight="1">
      <c r="A55" s="17" t="s">
        <v>107</v>
      </c>
      <c r="B55" s="17"/>
      <c r="C55" s="13">
        <v>5183</v>
      </c>
      <c r="D55" s="19">
        <v>2662</v>
      </c>
      <c r="E55" s="19">
        <v>2521</v>
      </c>
      <c r="F55" s="19"/>
      <c r="G55" s="18" t="s">
        <v>108</v>
      </c>
      <c r="H55" s="17"/>
      <c r="I55" s="13">
        <v>833</v>
      </c>
      <c r="J55" s="19">
        <v>253</v>
      </c>
      <c r="K55" s="19">
        <v>580</v>
      </c>
    </row>
    <row r="56" spans="1:11" ht="15" customHeight="1">
      <c r="A56" s="17" t="s">
        <v>109</v>
      </c>
      <c r="B56" s="17"/>
      <c r="C56" s="13">
        <v>5231</v>
      </c>
      <c r="D56" s="19">
        <v>2650</v>
      </c>
      <c r="E56" s="19">
        <v>2581</v>
      </c>
      <c r="F56" s="19"/>
      <c r="G56" s="18" t="s">
        <v>110</v>
      </c>
      <c r="H56" s="17"/>
      <c r="I56" s="13">
        <v>742</v>
      </c>
      <c r="J56" s="19">
        <v>216</v>
      </c>
      <c r="K56" s="19">
        <v>526</v>
      </c>
    </row>
    <row r="57" spans="1:11" ht="15" customHeight="1">
      <c r="A57" s="17" t="s">
        <v>111</v>
      </c>
      <c r="B57" s="17"/>
      <c r="C57" s="13">
        <v>5443</v>
      </c>
      <c r="D57" s="19">
        <v>2807</v>
      </c>
      <c r="E57" s="19">
        <v>2636</v>
      </c>
      <c r="F57" s="19"/>
      <c r="G57" s="18" t="s">
        <v>112</v>
      </c>
      <c r="H57" s="17"/>
      <c r="I57" s="13">
        <v>606</v>
      </c>
      <c r="J57" s="19">
        <v>163</v>
      </c>
      <c r="K57" s="19">
        <v>443</v>
      </c>
    </row>
    <row r="58" spans="1:11" ht="15" customHeight="1">
      <c r="A58" s="17" t="s">
        <v>113</v>
      </c>
      <c r="B58" s="17"/>
      <c r="C58" s="13">
        <v>5396</v>
      </c>
      <c r="D58" s="19">
        <v>2757</v>
      </c>
      <c r="E58" s="19">
        <v>2639</v>
      </c>
      <c r="F58" s="19"/>
      <c r="G58" s="18" t="s">
        <v>114</v>
      </c>
      <c r="H58" s="17"/>
      <c r="I58" s="13">
        <v>413</v>
      </c>
      <c r="J58" s="19">
        <v>112</v>
      </c>
      <c r="K58" s="19">
        <v>301</v>
      </c>
    </row>
    <row r="59" spans="1:11" ht="20.100000000000001" customHeight="1">
      <c r="A59" s="17" t="s">
        <v>115</v>
      </c>
      <c r="B59" s="17"/>
      <c r="C59" s="13">
        <v>29445</v>
      </c>
      <c r="D59" s="14">
        <v>14984</v>
      </c>
      <c r="E59" s="14">
        <v>14461</v>
      </c>
      <c r="F59" s="14"/>
      <c r="G59" s="18" t="s">
        <v>116</v>
      </c>
      <c r="H59" s="17"/>
      <c r="I59" s="13">
        <v>972</v>
      </c>
      <c r="J59" s="14">
        <v>221</v>
      </c>
      <c r="K59" s="14">
        <v>751</v>
      </c>
    </row>
    <row r="60" spans="1:11" ht="15" customHeight="1">
      <c r="A60" s="17" t="s">
        <v>117</v>
      </c>
      <c r="B60" s="17"/>
      <c r="C60" s="13">
        <v>5743</v>
      </c>
      <c r="D60" s="19">
        <v>2952</v>
      </c>
      <c r="E60" s="19">
        <v>2791</v>
      </c>
      <c r="F60" s="19"/>
      <c r="G60" s="18" t="s">
        <v>118</v>
      </c>
      <c r="H60" s="17"/>
      <c r="I60" s="13">
        <v>321</v>
      </c>
      <c r="J60" s="19">
        <v>93</v>
      </c>
      <c r="K60" s="19">
        <v>228</v>
      </c>
    </row>
    <row r="61" spans="1:11" ht="15" customHeight="1">
      <c r="A61" s="17" t="s">
        <v>119</v>
      </c>
      <c r="B61" s="17"/>
      <c r="C61" s="13">
        <v>5747</v>
      </c>
      <c r="D61" s="19">
        <v>2917</v>
      </c>
      <c r="E61" s="19">
        <v>2830</v>
      </c>
      <c r="F61" s="19"/>
      <c r="G61" s="18" t="s">
        <v>120</v>
      </c>
      <c r="H61" s="17"/>
      <c r="I61" s="13">
        <v>283</v>
      </c>
      <c r="J61" s="19">
        <v>64</v>
      </c>
      <c r="K61" s="19">
        <v>219</v>
      </c>
    </row>
    <row r="62" spans="1:11" ht="15" customHeight="1">
      <c r="A62" s="17" t="s">
        <v>121</v>
      </c>
      <c r="B62" s="17"/>
      <c r="C62" s="13">
        <v>5929</v>
      </c>
      <c r="D62" s="19">
        <v>3039</v>
      </c>
      <c r="E62" s="19">
        <v>2890</v>
      </c>
      <c r="F62" s="19"/>
      <c r="G62" s="18" t="s">
        <v>122</v>
      </c>
      <c r="H62" s="17"/>
      <c r="I62" s="13">
        <v>186</v>
      </c>
      <c r="J62" s="19">
        <v>39</v>
      </c>
      <c r="K62" s="19">
        <v>147</v>
      </c>
    </row>
    <row r="63" spans="1:11" ht="15" customHeight="1">
      <c r="A63" s="17" t="s">
        <v>123</v>
      </c>
      <c r="B63" s="17"/>
      <c r="C63" s="13">
        <v>6074</v>
      </c>
      <c r="D63" s="19">
        <v>3085</v>
      </c>
      <c r="E63" s="19">
        <v>2989</v>
      </c>
      <c r="F63" s="19"/>
      <c r="G63" s="18" t="s">
        <v>124</v>
      </c>
      <c r="H63" s="17"/>
      <c r="I63" s="13">
        <v>105</v>
      </c>
      <c r="J63" s="19">
        <v>16</v>
      </c>
      <c r="K63" s="19">
        <v>89</v>
      </c>
    </row>
    <row r="64" spans="1:11" ht="15" customHeight="1">
      <c r="A64" s="17" t="s">
        <v>125</v>
      </c>
      <c r="B64" s="17"/>
      <c r="C64" s="13">
        <v>5952</v>
      </c>
      <c r="D64" s="19">
        <v>2991</v>
      </c>
      <c r="E64" s="19">
        <v>2961</v>
      </c>
      <c r="F64" s="19"/>
      <c r="G64" s="18" t="s">
        <v>126</v>
      </c>
      <c r="H64" s="17"/>
      <c r="I64" s="13">
        <v>77</v>
      </c>
      <c r="J64" s="19">
        <v>9</v>
      </c>
      <c r="K64" s="19">
        <v>68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30</v>
      </c>
      <c r="J65" s="19">
        <v>16</v>
      </c>
      <c r="K65" s="19">
        <v>114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12248</v>
      </c>
      <c r="J66" s="27">
        <v>7019</v>
      </c>
      <c r="K66" s="27">
        <v>5229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3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84084</v>
      </c>
      <c r="D4" s="14">
        <v>138420</v>
      </c>
      <c r="E4" s="14">
        <v>14566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0917</v>
      </c>
      <c r="D5" s="14">
        <v>5543</v>
      </c>
      <c r="E5" s="14">
        <v>5374</v>
      </c>
      <c r="F5" s="14"/>
      <c r="G5" s="18" t="s">
        <v>8</v>
      </c>
      <c r="H5" s="17"/>
      <c r="I5" s="13">
        <v>23599</v>
      </c>
      <c r="J5" s="14">
        <v>11860</v>
      </c>
      <c r="K5" s="14">
        <v>11739</v>
      </c>
    </row>
    <row r="6" spans="1:11" ht="15" customHeight="1">
      <c r="A6" s="17" t="s">
        <v>9</v>
      </c>
      <c r="B6" s="17"/>
      <c r="C6" s="13">
        <v>2117</v>
      </c>
      <c r="D6" s="19">
        <v>1068</v>
      </c>
      <c r="E6" s="19">
        <v>1049</v>
      </c>
      <c r="F6" s="19"/>
      <c r="G6" s="18" t="s">
        <v>10</v>
      </c>
      <c r="H6" s="17"/>
      <c r="I6" s="13">
        <v>4788</v>
      </c>
      <c r="J6" s="19">
        <v>2344</v>
      </c>
      <c r="K6" s="19">
        <v>2444</v>
      </c>
    </row>
    <row r="7" spans="1:11" ht="15" customHeight="1">
      <c r="A7" s="17" t="s">
        <v>11</v>
      </c>
      <c r="B7" s="17"/>
      <c r="C7" s="13">
        <v>1995</v>
      </c>
      <c r="D7" s="19">
        <v>1023</v>
      </c>
      <c r="E7" s="19">
        <v>972</v>
      </c>
      <c r="F7" s="19"/>
      <c r="G7" s="18" t="s">
        <v>12</v>
      </c>
      <c r="H7" s="17"/>
      <c r="I7" s="13">
        <v>4840</v>
      </c>
      <c r="J7" s="19">
        <v>2401</v>
      </c>
      <c r="K7" s="19">
        <v>2439</v>
      </c>
    </row>
    <row r="8" spans="1:11" ht="15" customHeight="1">
      <c r="A8" s="17" t="s">
        <v>13</v>
      </c>
      <c r="B8" s="17"/>
      <c r="C8" s="13">
        <v>2259</v>
      </c>
      <c r="D8" s="19">
        <v>1135</v>
      </c>
      <c r="E8" s="19">
        <v>1124</v>
      </c>
      <c r="F8" s="19"/>
      <c r="G8" s="18" t="s">
        <v>14</v>
      </c>
      <c r="H8" s="17"/>
      <c r="I8" s="13">
        <v>4748</v>
      </c>
      <c r="J8" s="19">
        <v>2414</v>
      </c>
      <c r="K8" s="19">
        <v>2334</v>
      </c>
    </row>
    <row r="9" spans="1:11" ht="15" customHeight="1">
      <c r="A9" s="17" t="s">
        <v>15</v>
      </c>
      <c r="B9" s="17"/>
      <c r="C9" s="13">
        <v>2306</v>
      </c>
      <c r="D9" s="19">
        <v>1177</v>
      </c>
      <c r="E9" s="19">
        <v>1129</v>
      </c>
      <c r="F9" s="19"/>
      <c r="G9" s="18" t="s">
        <v>16</v>
      </c>
      <c r="H9" s="17"/>
      <c r="I9" s="13">
        <v>4572</v>
      </c>
      <c r="J9" s="19">
        <v>2309</v>
      </c>
      <c r="K9" s="19">
        <v>2263</v>
      </c>
    </row>
    <row r="10" spans="1:11" ht="15" customHeight="1">
      <c r="A10" s="17" t="s">
        <v>17</v>
      </c>
      <c r="B10" s="17"/>
      <c r="C10" s="13">
        <v>2240</v>
      </c>
      <c r="D10" s="19">
        <v>1140</v>
      </c>
      <c r="E10" s="19">
        <v>1100</v>
      </c>
      <c r="F10" s="19"/>
      <c r="G10" s="18" t="s">
        <v>18</v>
      </c>
      <c r="H10" s="17"/>
      <c r="I10" s="13">
        <v>4651</v>
      </c>
      <c r="J10" s="19">
        <v>2392</v>
      </c>
      <c r="K10" s="19">
        <v>2259</v>
      </c>
    </row>
    <row r="11" spans="1:11" ht="20.100000000000001" customHeight="1">
      <c r="A11" s="17" t="s">
        <v>19</v>
      </c>
      <c r="B11" s="17"/>
      <c r="C11" s="13">
        <v>12036</v>
      </c>
      <c r="D11" s="14">
        <v>6133</v>
      </c>
      <c r="E11" s="14">
        <v>5903</v>
      </c>
      <c r="F11" s="14"/>
      <c r="G11" s="18" t="s">
        <v>20</v>
      </c>
      <c r="H11" s="17"/>
      <c r="I11" s="13">
        <v>18156</v>
      </c>
      <c r="J11" s="14">
        <v>9344</v>
      </c>
      <c r="K11" s="14">
        <v>8812</v>
      </c>
    </row>
    <row r="12" spans="1:11" ht="15" customHeight="1">
      <c r="A12" s="17" t="s">
        <v>21</v>
      </c>
      <c r="B12" s="17"/>
      <c r="C12" s="13">
        <v>2411</v>
      </c>
      <c r="D12" s="19">
        <v>1208</v>
      </c>
      <c r="E12" s="19">
        <v>1203</v>
      </c>
      <c r="F12" s="19"/>
      <c r="G12" s="18" t="s">
        <v>22</v>
      </c>
      <c r="H12" s="17"/>
      <c r="I12" s="13">
        <v>3285</v>
      </c>
      <c r="J12" s="19">
        <v>1701</v>
      </c>
      <c r="K12" s="19">
        <v>1584</v>
      </c>
    </row>
    <row r="13" spans="1:11" ht="15" customHeight="1">
      <c r="A13" s="17" t="s">
        <v>23</v>
      </c>
      <c r="B13" s="17"/>
      <c r="C13" s="13">
        <v>2348</v>
      </c>
      <c r="D13" s="19">
        <v>1213</v>
      </c>
      <c r="E13" s="19">
        <v>1135</v>
      </c>
      <c r="F13" s="19"/>
      <c r="G13" s="18" t="s">
        <v>24</v>
      </c>
      <c r="H13" s="17"/>
      <c r="I13" s="13">
        <v>4174</v>
      </c>
      <c r="J13" s="19">
        <v>2126</v>
      </c>
      <c r="K13" s="19">
        <v>2048</v>
      </c>
    </row>
    <row r="14" spans="1:11" ht="15" customHeight="1">
      <c r="A14" s="17" t="s">
        <v>25</v>
      </c>
      <c r="B14" s="17"/>
      <c r="C14" s="13">
        <v>2387</v>
      </c>
      <c r="D14" s="19">
        <v>1241</v>
      </c>
      <c r="E14" s="19">
        <v>1146</v>
      </c>
      <c r="F14" s="19"/>
      <c r="G14" s="18" t="s">
        <v>26</v>
      </c>
      <c r="H14" s="17"/>
      <c r="I14" s="13">
        <v>3783</v>
      </c>
      <c r="J14" s="19">
        <v>1951</v>
      </c>
      <c r="K14" s="19">
        <v>1832</v>
      </c>
    </row>
    <row r="15" spans="1:11" ht="15" customHeight="1">
      <c r="A15" s="17" t="s">
        <v>27</v>
      </c>
      <c r="B15" s="17"/>
      <c r="C15" s="13">
        <v>2448</v>
      </c>
      <c r="D15" s="19">
        <v>1240</v>
      </c>
      <c r="E15" s="19">
        <v>1208</v>
      </c>
      <c r="F15" s="19"/>
      <c r="G15" s="18" t="s">
        <v>28</v>
      </c>
      <c r="H15" s="17"/>
      <c r="I15" s="13">
        <v>3581</v>
      </c>
      <c r="J15" s="19">
        <v>1844</v>
      </c>
      <c r="K15" s="19">
        <v>1737</v>
      </c>
    </row>
    <row r="16" spans="1:11" ht="15" customHeight="1">
      <c r="A16" s="17" t="s">
        <v>29</v>
      </c>
      <c r="B16" s="17"/>
      <c r="C16" s="13">
        <v>2442</v>
      </c>
      <c r="D16" s="19">
        <v>1231</v>
      </c>
      <c r="E16" s="19">
        <v>1211</v>
      </c>
      <c r="F16" s="19"/>
      <c r="G16" s="18" t="s">
        <v>30</v>
      </c>
      <c r="H16" s="17"/>
      <c r="I16" s="13">
        <v>3333</v>
      </c>
      <c r="J16" s="19">
        <v>1722</v>
      </c>
      <c r="K16" s="19">
        <v>1611</v>
      </c>
    </row>
    <row r="17" spans="1:11" ht="20.100000000000001" customHeight="1">
      <c r="A17" s="20" t="s">
        <v>31</v>
      </c>
      <c r="B17" s="20"/>
      <c r="C17" s="13">
        <v>12835</v>
      </c>
      <c r="D17" s="14">
        <v>6603</v>
      </c>
      <c r="E17" s="14">
        <v>6232</v>
      </c>
      <c r="F17" s="14"/>
      <c r="G17" s="18" t="s">
        <v>32</v>
      </c>
      <c r="H17" s="17"/>
      <c r="I17" s="13">
        <v>14765</v>
      </c>
      <c r="J17" s="14">
        <v>7468</v>
      </c>
      <c r="K17" s="14">
        <v>7297</v>
      </c>
    </row>
    <row r="18" spans="1:11" ht="15" customHeight="1">
      <c r="A18" s="17" t="s">
        <v>33</v>
      </c>
      <c r="B18" s="17"/>
      <c r="C18" s="13">
        <v>2435</v>
      </c>
      <c r="D18" s="19">
        <v>1239</v>
      </c>
      <c r="E18" s="19">
        <v>1196</v>
      </c>
      <c r="F18" s="19"/>
      <c r="G18" s="18" t="s">
        <v>34</v>
      </c>
      <c r="H18" s="17"/>
      <c r="I18" s="13">
        <v>3266</v>
      </c>
      <c r="J18" s="19">
        <v>1697</v>
      </c>
      <c r="K18" s="19">
        <v>1569</v>
      </c>
    </row>
    <row r="19" spans="1:11" ht="15" customHeight="1">
      <c r="A19" s="17" t="s">
        <v>35</v>
      </c>
      <c r="B19" s="17"/>
      <c r="C19" s="13">
        <v>2556</v>
      </c>
      <c r="D19" s="19">
        <v>1306</v>
      </c>
      <c r="E19" s="19">
        <v>1250</v>
      </c>
      <c r="F19" s="19"/>
      <c r="G19" s="18" t="s">
        <v>36</v>
      </c>
      <c r="H19" s="17"/>
      <c r="I19" s="13">
        <v>3113</v>
      </c>
      <c r="J19" s="19">
        <v>1558</v>
      </c>
      <c r="K19" s="19">
        <v>1555</v>
      </c>
    </row>
    <row r="20" spans="1:11" ht="15" customHeight="1">
      <c r="A20" s="17" t="s">
        <v>37</v>
      </c>
      <c r="B20" s="17"/>
      <c r="C20" s="13">
        <v>2542</v>
      </c>
      <c r="D20" s="19">
        <v>1287</v>
      </c>
      <c r="E20" s="19">
        <v>1255</v>
      </c>
      <c r="F20" s="19"/>
      <c r="G20" s="18" t="s">
        <v>38</v>
      </c>
      <c r="H20" s="17"/>
      <c r="I20" s="13">
        <v>2881</v>
      </c>
      <c r="J20" s="19">
        <v>1492</v>
      </c>
      <c r="K20" s="19">
        <v>1389</v>
      </c>
    </row>
    <row r="21" spans="1:11" ht="15" customHeight="1">
      <c r="A21" s="17" t="s">
        <v>39</v>
      </c>
      <c r="B21" s="17"/>
      <c r="C21" s="13">
        <v>2608</v>
      </c>
      <c r="D21" s="19">
        <v>1372</v>
      </c>
      <c r="E21" s="19">
        <v>1236</v>
      </c>
      <c r="F21" s="19"/>
      <c r="G21" s="18" t="s">
        <v>40</v>
      </c>
      <c r="H21" s="17"/>
      <c r="I21" s="13">
        <v>2882</v>
      </c>
      <c r="J21" s="19">
        <v>1434</v>
      </c>
      <c r="K21" s="19">
        <v>1448</v>
      </c>
    </row>
    <row r="22" spans="1:11" ht="15" customHeight="1">
      <c r="A22" s="17" t="s">
        <v>41</v>
      </c>
      <c r="B22" s="17"/>
      <c r="C22" s="13">
        <v>2694</v>
      </c>
      <c r="D22" s="19">
        <v>1399</v>
      </c>
      <c r="E22" s="19">
        <v>1295</v>
      </c>
      <c r="F22" s="19"/>
      <c r="G22" s="18" t="s">
        <v>42</v>
      </c>
      <c r="H22" s="17"/>
      <c r="I22" s="13">
        <v>2623</v>
      </c>
      <c r="J22" s="19">
        <v>1287</v>
      </c>
      <c r="K22" s="19">
        <v>1336</v>
      </c>
    </row>
    <row r="23" spans="1:11" ht="20.100000000000001" customHeight="1">
      <c r="A23" s="17" t="s">
        <v>43</v>
      </c>
      <c r="B23" s="17"/>
      <c r="C23" s="13">
        <v>13427</v>
      </c>
      <c r="D23" s="14">
        <v>6755</v>
      </c>
      <c r="E23" s="14">
        <v>6672</v>
      </c>
      <c r="F23" s="14"/>
      <c r="G23" s="18" t="s">
        <v>44</v>
      </c>
      <c r="H23" s="17"/>
      <c r="I23" s="13">
        <v>14746</v>
      </c>
      <c r="J23" s="14">
        <v>7004</v>
      </c>
      <c r="K23" s="14">
        <v>7742</v>
      </c>
    </row>
    <row r="24" spans="1:11" ht="15" customHeight="1">
      <c r="A24" s="17" t="s">
        <v>45</v>
      </c>
      <c r="B24" s="17"/>
      <c r="C24" s="13">
        <v>2762</v>
      </c>
      <c r="D24" s="19">
        <v>1376</v>
      </c>
      <c r="E24" s="19">
        <v>1386</v>
      </c>
      <c r="F24" s="19"/>
      <c r="G24" s="18" t="s">
        <v>46</v>
      </c>
      <c r="H24" s="17"/>
      <c r="I24" s="13">
        <v>2818</v>
      </c>
      <c r="J24" s="19">
        <v>1398</v>
      </c>
      <c r="K24" s="19">
        <v>1420</v>
      </c>
    </row>
    <row r="25" spans="1:11" ht="15" customHeight="1">
      <c r="A25" s="17" t="s">
        <v>47</v>
      </c>
      <c r="B25" s="17"/>
      <c r="C25" s="13">
        <v>2472</v>
      </c>
      <c r="D25" s="19">
        <v>1287</v>
      </c>
      <c r="E25" s="19">
        <v>1185</v>
      </c>
      <c r="F25" s="19"/>
      <c r="G25" s="18" t="s">
        <v>48</v>
      </c>
      <c r="H25" s="17"/>
      <c r="I25" s="13">
        <v>2843</v>
      </c>
      <c r="J25" s="19">
        <v>1335</v>
      </c>
      <c r="K25" s="19">
        <v>1508</v>
      </c>
    </row>
    <row r="26" spans="1:11" ht="15" customHeight="1">
      <c r="A26" s="17" t="s">
        <v>49</v>
      </c>
      <c r="B26" s="17"/>
      <c r="C26" s="13">
        <v>2631</v>
      </c>
      <c r="D26" s="19">
        <v>1309</v>
      </c>
      <c r="E26" s="19">
        <v>1322</v>
      </c>
      <c r="F26" s="19"/>
      <c r="G26" s="18" t="s">
        <v>50</v>
      </c>
      <c r="H26" s="17"/>
      <c r="I26" s="13">
        <v>2939</v>
      </c>
      <c r="J26" s="19">
        <v>1389</v>
      </c>
      <c r="K26" s="19">
        <v>1550</v>
      </c>
    </row>
    <row r="27" spans="1:11" ht="15" customHeight="1">
      <c r="A27" s="17" t="s">
        <v>51</v>
      </c>
      <c r="B27" s="17"/>
      <c r="C27" s="13">
        <v>2739</v>
      </c>
      <c r="D27" s="19">
        <v>1367</v>
      </c>
      <c r="E27" s="19">
        <v>1372</v>
      </c>
      <c r="F27" s="19"/>
      <c r="G27" s="18" t="s">
        <v>52</v>
      </c>
      <c r="H27" s="17"/>
      <c r="I27" s="13">
        <v>2940</v>
      </c>
      <c r="J27" s="19">
        <v>1346</v>
      </c>
      <c r="K27" s="19">
        <v>1594</v>
      </c>
    </row>
    <row r="28" spans="1:11" ht="15" customHeight="1">
      <c r="A28" s="17" t="s">
        <v>53</v>
      </c>
      <c r="B28" s="17"/>
      <c r="C28" s="13">
        <v>2823</v>
      </c>
      <c r="D28" s="19">
        <v>1416</v>
      </c>
      <c r="E28" s="19">
        <v>1407</v>
      </c>
      <c r="F28" s="19"/>
      <c r="G28" s="18" t="s">
        <v>54</v>
      </c>
      <c r="H28" s="17"/>
      <c r="I28" s="13">
        <v>3206</v>
      </c>
      <c r="J28" s="19">
        <v>1536</v>
      </c>
      <c r="K28" s="19">
        <v>1670</v>
      </c>
    </row>
    <row r="29" spans="1:11" ht="20.100000000000001" customHeight="1">
      <c r="A29" s="17" t="s">
        <v>55</v>
      </c>
      <c r="B29" s="17"/>
      <c r="C29" s="13">
        <v>14412</v>
      </c>
      <c r="D29" s="14">
        <v>7202</v>
      </c>
      <c r="E29" s="14">
        <v>7210</v>
      </c>
      <c r="F29" s="14"/>
      <c r="G29" s="18" t="s">
        <v>56</v>
      </c>
      <c r="H29" s="17"/>
      <c r="I29" s="13">
        <v>19157</v>
      </c>
      <c r="J29" s="14">
        <v>8993</v>
      </c>
      <c r="K29" s="14">
        <v>10164</v>
      </c>
    </row>
    <row r="30" spans="1:11" ht="15" customHeight="1">
      <c r="A30" s="17" t="s">
        <v>57</v>
      </c>
      <c r="B30" s="17"/>
      <c r="C30" s="13">
        <v>2960</v>
      </c>
      <c r="D30" s="19">
        <v>1511</v>
      </c>
      <c r="E30" s="19">
        <v>1449</v>
      </c>
      <c r="F30" s="19"/>
      <c r="G30" s="18" t="s">
        <v>58</v>
      </c>
      <c r="H30" s="17"/>
      <c r="I30" s="13">
        <v>3382</v>
      </c>
      <c r="J30" s="19">
        <v>1653</v>
      </c>
      <c r="K30" s="19">
        <v>1729</v>
      </c>
    </row>
    <row r="31" spans="1:11" ht="15" customHeight="1">
      <c r="A31" s="17" t="s">
        <v>59</v>
      </c>
      <c r="B31" s="17"/>
      <c r="C31" s="13">
        <v>3031</v>
      </c>
      <c r="D31" s="19">
        <v>1499</v>
      </c>
      <c r="E31" s="19">
        <v>1532</v>
      </c>
      <c r="F31" s="19"/>
      <c r="G31" s="18" t="s">
        <v>60</v>
      </c>
      <c r="H31" s="17"/>
      <c r="I31" s="13">
        <v>3657</v>
      </c>
      <c r="J31" s="19">
        <v>1704</v>
      </c>
      <c r="K31" s="19">
        <v>1953</v>
      </c>
    </row>
    <row r="32" spans="1:11" ht="15" customHeight="1">
      <c r="A32" s="17" t="s">
        <v>61</v>
      </c>
      <c r="B32" s="17"/>
      <c r="C32" s="13">
        <v>2913</v>
      </c>
      <c r="D32" s="19">
        <v>1495</v>
      </c>
      <c r="E32" s="19">
        <v>1418</v>
      </c>
      <c r="F32" s="19"/>
      <c r="G32" s="18" t="s">
        <v>62</v>
      </c>
      <c r="H32" s="17"/>
      <c r="I32" s="13">
        <v>4074</v>
      </c>
      <c r="J32" s="19">
        <v>1870</v>
      </c>
      <c r="K32" s="19">
        <v>2204</v>
      </c>
    </row>
    <row r="33" spans="1:11" ht="15" customHeight="1">
      <c r="A33" s="17" t="s">
        <v>63</v>
      </c>
      <c r="B33" s="17"/>
      <c r="C33" s="13">
        <v>2837</v>
      </c>
      <c r="D33" s="19">
        <v>1397</v>
      </c>
      <c r="E33" s="19">
        <v>1440</v>
      </c>
      <c r="F33" s="19"/>
      <c r="G33" s="18" t="s">
        <v>64</v>
      </c>
      <c r="H33" s="17"/>
      <c r="I33" s="13">
        <v>3986</v>
      </c>
      <c r="J33" s="19">
        <v>1876</v>
      </c>
      <c r="K33" s="19">
        <v>2110</v>
      </c>
    </row>
    <row r="34" spans="1:11" ht="15" customHeight="1">
      <c r="A34" s="17" t="s">
        <v>65</v>
      </c>
      <c r="B34" s="17"/>
      <c r="C34" s="13">
        <v>2671</v>
      </c>
      <c r="D34" s="19">
        <v>1300</v>
      </c>
      <c r="E34" s="19">
        <v>1371</v>
      </c>
      <c r="F34" s="19"/>
      <c r="G34" s="18" t="s">
        <v>66</v>
      </c>
      <c r="H34" s="17"/>
      <c r="I34" s="13">
        <v>4058</v>
      </c>
      <c r="J34" s="19">
        <v>1890</v>
      </c>
      <c r="K34" s="19">
        <v>2168</v>
      </c>
    </row>
    <row r="35" spans="1:11" ht="20.100000000000001" customHeight="1">
      <c r="A35" s="17" t="s">
        <v>67</v>
      </c>
      <c r="B35" s="17"/>
      <c r="C35" s="13">
        <v>12705</v>
      </c>
      <c r="D35" s="14">
        <v>6321</v>
      </c>
      <c r="E35" s="14">
        <v>6384</v>
      </c>
      <c r="F35" s="14"/>
      <c r="G35" s="18" t="s">
        <v>68</v>
      </c>
      <c r="H35" s="17"/>
      <c r="I35" s="13">
        <v>14479</v>
      </c>
      <c r="J35" s="14">
        <v>6420</v>
      </c>
      <c r="K35" s="14">
        <v>8059</v>
      </c>
    </row>
    <row r="36" spans="1:11" ht="15" customHeight="1">
      <c r="A36" s="17" t="s">
        <v>69</v>
      </c>
      <c r="B36" s="17"/>
      <c r="C36" s="13">
        <v>2566</v>
      </c>
      <c r="D36" s="19">
        <v>1284</v>
      </c>
      <c r="E36" s="19">
        <v>1282</v>
      </c>
      <c r="F36" s="19"/>
      <c r="G36" s="18" t="s">
        <v>70</v>
      </c>
      <c r="H36" s="17"/>
      <c r="I36" s="13">
        <v>2761</v>
      </c>
      <c r="J36" s="19">
        <v>1246</v>
      </c>
      <c r="K36" s="19">
        <v>1515</v>
      </c>
    </row>
    <row r="37" spans="1:11" ht="15" customHeight="1">
      <c r="A37" s="17" t="s">
        <v>71</v>
      </c>
      <c r="B37" s="17"/>
      <c r="C37" s="13">
        <v>2519</v>
      </c>
      <c r="D37" s="19">
        <v>1229</v>
      </c>
      <c r="E37" s="19">
        <v>1290</v>
      </c>
      <c r="F37" s="19"/>
      <c r="G37" s="18" t="s">
        <v>72</v>
      </c>
      <c r="H37" s="17"/>
      <c r="I37" s="13">
        <v>2487</v>
      </c>
      <c r="J37" s="19">
        <v>1104</v>
      </c>
      <c r="K37" s="19">
        <v>1383</v>
      </c>
    </row>
    <row r="38" spans="1:11" ht="15" customHeight="1">
      <c r="A38" s="17" t="s">
        <v>73</v>
      </c>
      <c r="B38" s="17"/>
      <c r="C38" s="13">
        <v>2652</v>
      </c>
      <c r="D38" s="19">
        <v>1343</v>
      </c>
      <c r="E38" s="19">
        <v>1309</v>
      </c>
      <c r="F38" s="19"/>
      <c r="G38" s="18" t="s">
        <v>74</v>
      </c>
      <c r="H38" s="17"/>
      <c r="I38" s="13">
        <v>3043</v>
      </c>
      <c r="J38" s="19">
        <v>1390</v>
      </c>
      <c r="K38" s="19">
        <v>1653</v>
      </c>
    </row>
    <row r="39" spans="1:11" ht="15" customHeight="1">
      <c r="A39" s="17" t="s">
        <v>75</v>
      </c>
      <c r="B39" s="17"/>
      <c r="C39" s="13">
        <v>2402</v>
      </c>
      <c r="D39" s="19">
        <v>1203</v>
      </c>
      <c r="E39" s="19">
        <v>1199</v>
      </c>
      <c r="F39" s="19"/>
      <c r="G39" s="18" t="s">
        <v>76</v>
      </c>
      <c r="H39" s="17"/>
      <c r="I39" s="13">
        <v>3107</v>
      </c>
      <c r="J39" s="19">
        <v>1333</v>
      </c>
      <c r="K39" s="19">
        <v>1774</v>
      </c>
    </row>
    <row r="40" spans="1:11" ht="15" customHeight="1">
      <c r="A40" s="17" t="s">
        <v>77</v>
      </c>
      <c r="B40" s="17"/>
      <c r="C40" s="13">
        <v>2566</v>
      </c>
      <c r="D40" s="19">
        <v>1262</v>
      </c>
      <c r="E40" s="19">
        <v>1304</v>
      </c>
      <c r="F40" s="19"/>
      <c r="G40" s="18" t="s">
        <v>78</v>
      </c>
      <c r="H40" s="17"/>
      <c r="I40" s="13">
        <v>3081</v>
      </c>
      <c r="J40" s="19">
        <v>1347</v>
      </c>
      <c r="K40" s="19">
        <v>1734</v>
      </c>
    </row>
    <row r="41" spans="1:11" ht="20.100000000000001" customHeight="1">
      <c r="A41" s="17" t="s">
        <v>79</v>
      </c>
      <c r="B41" s="17"/>
      <c r="C41" s="13">
        <v>14380</v>
      </c>
      <c r="D41" s="14">
        <v>7205</v>
      </c>
      <c r="E41" s="14">
        <v>7175</v>
      </c>
      <c r="F41" s="14"/>
      <c r="G41" s="18" t="s">
        <v>80</v>
      </c>
      <c r="H41" s="17"/>
      <c r="I41" s="13">
        <v>12316</v>
      </c>
      <c r="J41" s="14">
        <v>5333</v>
      </c>
      <c r="K41" s="14">
        <v>6983</v>
      </c>
    </row>
    <row r="42" spans="1:11" ht="15" customHeight="1">
      <c r="A42" s="17" t="s">
        <v>81</v>
      </c>
      <c r="B42" s="17"/>
      <c r="C42" s="13">
        <v>2643</v>
      </c>
      <c r="D42" s="19">
        <v>1342</v>
      </c>
      <c r="E42" s="19">
        <v>1301</v>
      </c>
      <c r="F42" s="19"/>
      <c r="G42" s="18" t="s">
        <v>82</v>
      </c>
      <c r="H42" s="17"/>
      <c r="I42" s="13">
        <v>2979</v>
      </c>
      <c r="J42" s="19">
        <v>1270</v>
      </c>
      <c r="K42" s="19">
        <v>1709</v>
      </c>
    </row>
    <row r="43" spans="1:11" ht="15" customHeight="1">
      <c r="A43" s="17" t="s">
        <v>83</v>
      </c>
      <c r="B43" s="17"/>
      <c r="C43" s="13">
        <v>2782</v>
      </c>
      <c r="D43" s="19">
        <v>1385</v>
      </c>
      <c r="E43" s="19">
        <v>1397</v>
      </c>
      <c r="F43" s="19"/>
      <c r="G43" s="18" t="s">
        <v>84</v>
      </c>
      <c r="H43" s="17"/>
      <c r="I43" s="13">
        <v>2673</v>
      </c>
      <c r="J43" s="19">
        <v>1141</v>
      </c>
      <c r="K43" s="19">
        <v>1532</v>
      </c>
    </row>
    <row r="44" spans="1:11" ht="15" customHeight="1">
      <c r="A44" s="17" t="s">
        <v>85</v>
      </c>
      <c r="B44" s="17"/>
      <c r="C44" s="13">
        <v>2820</v>
      </c>
      <c r="D44" s="19">
        <v>1441</v>
      </c>
      <c r="E44" s="19">
        <v>1379</v>
      </c>
      <c r="F44" s="19"/>
      <c r="G44" s="18" t="s">
        <v>86</v>
      </c>
      <c r="H44" s="17"/>
      <c r="I44" s="13">
        <v>2343</v>
      </c>
      <c r="J44" s="19">
        <v>1011</v>
      </c>
      <c r="K44" s="19">
        <v>1332</v>
      </c>
    </row>
    <row r="45" spans="1:11" ht="15" customHeight="1">
      <c r="A45" s="17" t="s">
        <v>87</v>
      </c>
      <c r="B45" s="17"/>
      <c r="C45" s="13">
        <v>2998</v>
      </c>
      <c r="D45" s="19">
        <v>1431</v>
      </c>
      <c r="E45" s="19">
        <v>1567</v>
      </c>
      <c r="F45" s="19"/>
      <c r="G45" s="18" t="s">
        <v>88</v>
      </c>
      <c r="H45" s="17"/>
      <c r="I45" s="13">
        <v>2156</v>
      </c>
      <c r="J45" s="19">
        <v>998</v>
      </c>
      <c r="K45" s="19">
        <v>1158</v>
      </c>
    </row>
    <row r="46" spans="1:11" ht="15" customHeight="1">
      <c r="A46" s="17" t="s">
        <v>89</v>
      </c>
      <c r="B46" s="17"/>
      <c r="C46" s="13">
        <v>3137</v>
      </c>
      <c r="D46" s="19">
        <v>1606</v>
      </c>
      <c r="E46" s="19">
        <v>1531</v>
      </c>
      <c r="F46" s="19"/>
      <c r="G46" s="18" t="s">
        <v>90</v>
      </c>
      <c r="H46" s="17"/>
      <c r="I46" s="13">
        <v>2165</v>
      </c>
      <c r="J46" s="19">
        <v>913</v>
      </c>
      <c r="K46" s="19">
        <v>1252</v>
      </c>
    </row>
    <row r="47" spans="1:11" ht="20.100000000000001" customHeight="1">
      <c r="A47" s="17" t="s">
        <v>91</v>
      </c>
      <c r="B47" s="17"/>
      <c r="C47" s="13">
        <v>16587</v>
      </c>
      <c r="D47" s="14">
        <v>8417</v>
      </c>
      <c r="E47" s="14">
        <v>8170</v>
      </c>
      <c r="F47" s="14"/>
      <c r="G47" s="18" t="s">
        <v>92</v>
      </c>
      <c r="H47" s="17"/>
      <c r="I47" s="13">
        <v>8049</v>
      </c>
      <c r="J47" s="14">
        <v>3126</v>
      </c>
      <c r="K47" s="14">
        <v>4923</v>
      </c>
    </row>
    <row r="48" spans="1:11" ht="15" customHeight="1">
      <c r="A48" s="17" t="s">
        <v>93</v>
      </c>
      <c r="B48" s="17"/>
      <c r="C48" s="13">
        <v>3120</v>
      </c>
      <c r="D48" s="19">
        <v>1540</v>
      </c>
      <c r="E48" s="19">
        <v>1580</v>
      </c>
      <c r="F48" s="19"/>
      <c r="G48" s="18" t="s">
        <v>94</v>
      </c>
      <c r="H48" s="17"/>
      <c r="I48" s="13">
        <v>2058</v>
      </c>
      <c r="J48" s="19">
        <v>802</v>
      </c>
      <c r="K48" s="19">
        <v>1256</v>
      </c>
    </row>
    <row r="49" spans="1:11" ht="15" customHeight="1">
      <c r="A49" s="17" t="s">
        <v>95</v>
      </c>
      <c r="B49" s="17"/>
      <c r="C49" s="13">
        <v>3300</v>
      </c>
      <c r="D49" s="19">
        <v>1691</v>
      </c>
      <c r="E49" s="19">
        <v>1609</v>
      </c>
      <c r="F49" s="19"/>
      <c r="G49" s="18" t="s">
        <v>96</v>
      </c>
      <c r="H49" s="17"/>
      <c r="I49" s="13">
        <v>1909</v>
      </c>
      <c r="J49" s="19">
        <v>782</v>
      </c>
      <c r="K49" s="19">
        <v>1127</v>
      </c>
    </row>
    <row r="50" spans="1:11" ht="15" customHeight="1">
      <c r="A50" s="17" t="s">
        <v>97</v>
      </c>
      <c r="B50" s="17"/>
      <c r="C50" s="13">
        <v>3397</v>
      </c>
      <c r="D50" s="19">
        <v>1713</v>
      </c>
      <c r="E50" s="19">
        <v>1684</v>
      </c>
      <c r="F50" s="19"/>
      <c r="G50" s="18" t="s">
        <v>98</v>
      </c>
      <c r="H50" s="17"/>
      <c r="I50" s="13">
        <v>1490</v>
      </c>
      <c r="J50" s="19">
        <v>584</v>
      </c>
      <c r="K50" s="19">
        <v>906</v>
      </c>
    </row>
    <row r="51" spans="1:11" ht="15" customHeight="1">
      <c r="A51" s="17" t="s">
        <v>99</v>
      </c>
      <c r="B51" s="17"/>
      <c r="C51" s="13">
        <v>3333</v>
      </c>
      <c r="D51" s="19">
        <v>1732</v>
      </c>
      <c r="E51" s="19">
        <v>1601</v>
      </c>
      <c r="F51" s="19"/>
      <c r="G51" s="18" t="s">
        <v>100</v>
      </c>
      <c r="H51" s="17"/>
      <c r="I51" s="13">
        <v>1395</v>
      </c>
      <c r="J51" s="19">
        <v>525</v>
      </c>
      <c r="K51" s="19">
        <v>870</v>
      </c>
    </row>
    <row r="52" spans="1:11" ht="15" customHeight="1">
      <c r="A52" s="17" t="s">
        <v>101</v>
      </c>
      <c r="B52" s="17"/>
      <c r="C52" s="13">
        <v>3437</v>
      </c>
      <c r="D52" s="19">
        <v>1741</v>
      </c>
      <c r="E52" s="19">
        <v>1696</v>
      </c>
      <c r="F52" s="19"/>
      <c r="G52" s="18" t="s">
        <v>102</v>
      </c>
      <c r="H52" s="17"/>
      <c r="I52" s="13">
        <v>1197</v>
      </c>
      <c r="J52" s="19">
        <v>433</v>
      </c>
      <c r="K52" s="19">
        <v>764</v>
      </c>
    </row>
    <row r="53" spans="1:11" ht="20.100000000000001" customHeight="1">
      <c r="A53" s="17" t="s">
        <v>103</v>
      </c>
      <c r="B53" s="17"/>
      <c r="C53" s="13">
        <v>18716</v>
      </c>
      <c r="D53" s="14">
        <v>9536</v>
      </c>
      <c r="E53" s="14">
        <v>9180</v>
      </c>
      <c r="F53" s="14"/>
      <c r="G53" s="18" t="s">
        <v>104</v>
      </c>
      <c r="H53" s="17"/>
      <c r="I53" s="13">
        <v>3433</v>
      </c>
      <c r="J53" s="14">
        <v>1026</v>
      </c>
      <c r="K53" s="14">
        <v>2407</v>
      </c>
    </row>
    <row r="54" spans="1:11" ht="15" customHeight="1">
      <c r="A54" s="17" t="s">
        <v>105</v>
      </c>
      <c r="B54" s="17"/>
      <c r="C54" s="13">
        <v>3426</v>
      </c>
      <c r="D54" s="19">
        <v>1749</v>
      </c>
      <c r="E54" s="19">
        <v>1677</v>
      </c>
      <c r="F54" s="19"/>
      <c r="G54" s="18" t="s">
        <v>106</v>
      </c>
      <c r="H54" s="17"/>
      <c r="I54" s="13">
        <v>939</v>
      </c>
      <c r="J54" s="19">
        <v>314</v>
      </c>
      <c r="K54" s="19">
        <v>625</v>
      </c>
    </row>
    <row r="55" spans="1:11" ht="15" customHeight="1">
      <c r="A55" s="17" t="s">
        <v>107</v>
      </c>
      <c r="B55" s="17"/>
      <c r="C55" s="13">
        <v>3544</v>
      </c>
      <c r="D55" s="19">
        <v>1796</v>
      </c>
      <c r="E55" s="19">
        <v>1748</v>
      </c>
      <c r="F55" s="19"/>
      <c r="G55" s="18" t="s">
        <v>108</v>
      </c>
      <c r="H55" s="17"/>
      <c r="I55" s="13">
        <v>850</v>
      </c>
      <c r="J55" s="19">
        <v>244</v>
      </c>
      <c r="K55" s="19">
        <v>606</v>
      </c>
    </row>
    <row r="56" spans="1:11" ht="15" customHeight="1">
      <c r="A56" s="17" t="s">
        <v>109</v>
      </c>
      <c r="B56" s="17"/>
      <c r="C56" s="13">
        <v>3789</v>
      </c>
      <c r="D56" s="19">
        <v>1901</v>
      </c>
      <c r="E56" s="19">
        <v>1888</v>
      </c>
      <c r="F56" s="19"/>
      <c r="G56" s="18" t="s">
        <v>110</v>
      </c>
      <c r="H56" s="17"/>
      <c r="I56" s="13">
        <v>663</v>
      </c>
      <c r="J56" s="19">
        <v>188</v>
      </c>
      <c r="K56" s="19">
        <v>475</v>
      </c>
    </row>
    <row r="57" spans="1:11" ht="15" customHeight="1">
      <c r="A57" s="17" t="s">
        <v>111</v>
      </c>
      <c r="B57" s="17"/>
      <c r="C57" s="13">
        <v>3858</v>
      </c>
      <c r="D57" s="19">
        <v>1993</v>
      </c>
      <c r="E57" s="19">
        <v>1865</v>
      </c>
      <c r="F57" s="19"/>
      <c r="G57" s="18" t="s">
        <v>112</v>
      </c>
      <c r="H57" s="17"/>
      <c r="I57" s="13">
        <v>581</v>
      </c>
      <c r="J57" s="19">
        <v>157</v>
      </c>
      <c r="K57" s="19">
        <v>424</v>
      </c>
    </row>
    <row r="58" spans="1:11" ht="15" customHeight="1">
      <c r="A58" s="17" t="s">
        <v>113</v>
      </c>
      <c r="B58" s="17"/>
      <c r="C58" s="13">
        <v>4099</v>
      </c>
      <c r="D58" s="19">
        <v>2097</v>
      </c>
      <c r="E58" s="19">
        <v>2002</v>
      </c>
      <c r="F58" s="19"/>
      <c r="G58" s="18" t="s">
        <v>114</v>
      </c>
      <c r="H58" s="17"/>
      <c r="I58" s="13">
        <v>400</v>
      </c>
      <c r="J58" s="19">
        <v>123</v>
      </c>
      <c r="K58" s="19">
        <v>277</v>
      </c>
    </row>
    <row r="59" spans="1:11" ht="20.100000000000001" customHeight="1">
      <c r="A59" s="17" t="s">
        <v>115</v>
      </c>
      <c r="B59" s="17"/>
      <c r="C59" s="13">
        <v>23332</v>
      </c>
      <c r="D59" s="14">
        <v>11684</v>
      </c>
      <c r="E59" s="14">
        <v>11648</v>
      </c>
      <c r="F59" s="14"/>
      <c r="G59" s="18" t="s">
        <v>116</v>
      </c>
      <c r="H59" s="17"/>
      <c r="I59" s="13">
        <v>932</v>
      </c>
      <c r="J59" s="14">
        <v>205</v>
      </c>
      <c r="K59" s="14">
        <v>727</v>
      </c>
    </row>
    <row r="60" spans="1:11" ht="15" customHeight="1">
      <c r="A60" s="17" t="s">
        <v>117</v>
      </c>
      <c r="B60" s="17"/>
      <c r="C60" s="13">
        <v>4379</v>
      </c>
      <c r="D60" s="19">
        <v>2207</v>
      </c>
      <c r="E60" s="19">
        <v>2172</v>
      </c>
      <c r="F60" s="19"/>
      <c r="G60" s="18" t="s">
        <v>118</v>
      </c>
      <c r="H60" s="17"/>
      <c r="I60" s="13">
        <v>339</v>
      </c>
      <c r="J60" s="19">
        <v>84</v>
      </c>
      <c r="K60" s="19">
        <v>255</v>
      </c>
    </row>
    <row r="61" spans="1:11" ht="15" customHeight="1">
      <c r="A61" s="17" t="s">
        <v>119</v>
      </c>
      <c r="B61" s="17"/>
      <c r="C61" s="13">
        <v>4465</v>
      </c>
      <c r="D61" s="19">
        <v>2255</v>
      </c>
      <c r="E61" s="19">
        <v>2210</v>
      </c>
      <c r="F61" s="19"/>
      <c r="G61" s="18" t="s">
        <v>120</v>
      </c>
      <c r="H61" s="17"/>
      <c r="I61" s="13">
        <v>235</v>
      </c>
      <c r="J61" s="19">
        <v>54</v>
      </c>
      <c r="K61" s="19">
        <v>181</v>
      </c>
    </row>
    <row r="62" spans="1:11" ht="15" customHeight="1">
      <c r="A62" s="17" t="s">
        <v>121</v>
      </c>
      <c r="B62" s="17"/>
      <c r="C62" s="13">
        <v>4718</v>
      </c>
      <c r="D62" s="19">
        <v>2337</v>
      </c>
      <c r="E62" s="19">
        <v>2381</v>
      </c>
      <c r="F62" s="19"/>
      <c r="G62" s="18" t="s">
        <v>122</v>
      </c>
      <c r="H62" s="17"/>
      <c r="I62" s="13">
        <v>164</v>
      </c>
      <c r="J62" s="19">
        <v>31</v>
      </c>
      <c r="K62" s="19">
        <v>133</v>
      </c>
    </row>
    <row r="63" spans="1:11" ht="15" customHeight="1">
      <c r="A63" s="17" t="s">
        <v>123</v>
      </c>
      <c r="B63" s="17"/>
      <c r="C63" s="13">
        <v>4933</v>
      </c>
      <c r="D63" s="19">
        <v>2441</v>
      </c>
      <c r="E63" s="19">
        <v>2492</v>
      </c>
      <c r="F63" s="19"/>
      <c r="G63" s="18" t="s">
        <v>124</v>
      </c>
      <c r="H63" s="17"/>
      <c r="I63" s="13">
        <v>119</v>
      </c>
      <c r="J63" s="19">
        <v>21</v>
      </c>
      <c r="K63" s="19">
        <v>98</v>
      </c>
    </row>
    <row r="64" spans="1:11" ht="15" customHeight="1">
      <c r="A64" s="17" t="s">
        <v>125</v>
      </c>
      <c r="B64" s="17"/>
      <c r="C64" s="13">
        <v>4837</v>
      </c>
      <c r="D64" s="19">
        <v>2444</v>
      </c>
      <c r="E64" s="19">
        <v>2393</v>
      </c>
      <c r="F64" s="19"/>
      <c r="G64" s="18" t="s">
        <v>126</v>
      </c>
      <c r="H64" s="17"/>
      <c r="I64" s="13">
        <v>75</v>
      </c>
      <c r="J64" s="19">
        <v>15</v>
      </c>
      <c r="K64" s="19">
        <v>60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28</v>
      </c>
      <c r="J65" s="19">
        <v>17</v>
      </c>
      <c r="K65" s="19">
        <v>111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4977</v>
      </c>
      <c r="J66" s="27">
        <v>2225</v>
      </c>
      <c r="K66" s="27">
        <v>2752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4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15222</v>
      </c>
      <c r="D4" s="14">
        <v>104900</v>
      </c>
      <c r="E4" s="14">
        <v>11032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6954</v>
      </c>
      <c r="D5" s="14">
        <v>3579</v>
      </c>
      <c r="E5" s="14">
        <v>3375</v>
      </c>
      <c r="F5" s="14"/>
      <c r="G5" s="18" t="s">
        <v>8</v>
      </c>
      <c r="H5" s="17"/>
      <c r="I5" s="13">
        <v>18063</v>
      </c>
      <c r="J5" s="14">
        <v>9015</v>
      </c>
      <c r="K5" s="14">
        <v>9048</v>
      </c>
    </row>
    <row r="6" spans="1:11" ht="15" customHeight="1">
      <c r="A6" s="17" t="s">
        <v>9</v>
      </c>
      <c r="B6" s="17"/>
      <c r="C6" s="13">
        <v>1365</v>
      </c>
      <c r="D6" s="19">
        <v>708</v>
      </c>
      <c r="E6" s="19">
        <v>657</v>
      </c>
      <c r="F6" s="19"/>
      <c r="G6" s="18" t="s">
        <v>10</v>
      </c>
      <c r="H6" s="17"/>
      <c r="I6" s="13">
        <v>3762</v>
      </c>
      <c r="J6" s="19">
        <v>1844</v>
      </c>
      <c r="K6" s="19">
        <v>1918</v>
      </c>
    </row>
    <row r="7" spans="1:11" ht="15" customHeight="1">
      <c r="A7" s="17" t="s">
        <v>11</v>
      </c>
      <c r="B7" s="17"/>
      <c r="C7" s="13">
        <v>1366</v>
      </c>
      <c r="D7" s="19">
        <v>717</v>
      </c>
      <c r="E7" s="19">
        <v>649</v>
      </c>
      <c r="F7" s="19"/>
      <c r="G7" s="18" t="s">
        <v>12</v>
      </c>
      <c r="H7" s="17"/>
      <c r="I7" s="13">
        <v>3673</v>
      </c>
      <c r="J7" s="19">
        <v>1854</v>
      </c>
      <c r="K7" s="19">
        <v>1819</v>
      </c>
    </row>
    <row r="8" spans="1:11" ht="15" customHeight="1">
      <c r="A8" s="17" t="s">
        <v>13</v>
      </c>
      <c r="B8" s="17"/>
      <c r="C8" s="13">
        <v>1379</v>
      </c>
      <c r="D8" s="19">
        <v>689</v>
      </c>
      <c r="E8" s="19">
        <v>690</v>
      </c>
      <c r="F8" s="19"/>
      <c r="G8" s="18" t="s">
        <v>14</v>
      </c>
      <c r="H8" s="17"/>
      <c r="I8" s="13">
        <v>3583</v>
      </c>
      <c r="J8" s="19">
        <v>1764</v>
      </c>
      <c r="K8" s="19">
        <v>1819</v>
      </c>
    </row>
    <row r="9" spans="1:11" ht="15" customHeight="1">
      <c r="A9" s="17" t="s">
        <v>15</v>
      </c>
      <c r="B9" s="17"/>
      <c r="C9" s="13">
        <v>1374</v>
      </c>
      <c r="D9" s="19">
        <v>715</v>
      </c>
      <c r="E9" s="19">
        <v>659</v>
      </c>
      <c r="F9" s="19"/>
      <c r="G9" s="18" t="s">
        <v>16</v>
      </c>
      <c r="H9" s="17"/>
      <c r="I9" s="13">
        <v>3399</v>
      </c>
      <c r="J9" s="19">
        <v>1693</v>
      </c>
      <c r="K9" s="19">
        <v>1706</v>
      </c>
    </row>
    <row r="10" spans="1:11" ht="15" customHeight="1">
      <c r="A10" s="17" t="s">
        <v>17</v>
      </c>
      <c r="B10" s="17"/>
      <c r="C10" s="13">
        <v>1470</v>
      </c>
      <c r="D10" s="19">
        <v>750</v>
      </c>
      <c r="E10" s="19">
        <v>720</v>
      </c>
      <c r="F10" s="19"/>
      <c r="G10" s="18" t="s">
        <v>18</v>
      </c>
      <c r="H10" s="17"/>
      <c r="I10" s="13">
        <v>3646</v>
      </c>
      <c r="J10" s="19">
        <v>1860</v>
      </c>
      <c r="K10" s="19">
        <v>1786</v>
      </c>
    </row>
    <row r="11" spans="1:11" ht="20.100000000000001" customHeight="1">
      <c r="A11" s="17" t="s">
        <v>19</v>
      </c>
      <c r="B11" s="17"/>
      <c r="C11" s="13">
        <v>7745</v>
      </c>
      <c r="D11" s="14">
        <v>3962</v>
      </c>
      <c r="E11" s="14">
        <v>3783</v>
      </c>
      <c r="F11" s="14"/>
      <c r="G11" s="18" t="s">
        <v>20</v>
      </c>
      <c r="H11" s="17"/>
      <c r="I11" s="13">
        <v>14711</v>
      </c>
      <c r="J11" s="14">
        <v>7379</v>
      </c>
      <c r="K11" s="14">
        <v>7332</v>
      </c>
    </row>
    <row r="12" spans="1:11" ht="15" customHeight="1">
      <c r="A12" s="17" t="s">
        <v>21</v>
      </c>
      <c r="B12" s="17"/>
      <c r="C12" s="13">
        <v>1401</v>
      </c>
      <c r="D12" s="19">
        <v>714</v>
      </c>
      <c r="E12" s="19">
        <v>687</v>
      </c>
      <c r="F12" s="19"/>
      <c r="G12" s="18" t="s">
        <v>22</v>
      </c>
      <c r="H12" s="17"/>
      <c r="I12" s="13">
        <v>2598</v>
      </c>
      <c r="J12" s="19">
        <v>1314</v>
      </c>
      <c r="K12" s="19">
        <v>1284</v>
      </c>
    </row>
    <row r="13" spans="1:11" ht="15" customHeight="1">
      <c r="A13" s="17" t="s">
        <v>23</v>
      </c>
      <c r="B13" s="17"/>
      <c r="C13" s="13">
        <v>1468</v>
      </c>
      <c r="D13" s="19">
        <v>727</v>
      </c>
      <c r="E13" s="19">
        <v>741</v>
      </c>
      <c r="F13" s="19"/>
      <c r="G13" s="18" t="s">
        <v>24</v>
      </c>
      <c r="H13" s="17"/>
      <c r="I13" s="13">
        <v>3381</v>
      </c>
      <c r="J13" s="19">
        <v>1683</v>
      </c>
      <c r="K13" s="19">
        <v>1698</v>
      </c>
    </row>
    <row r="14" spans="1:11" ht="15" customHeight="1">
      <c r="A14" s="17" t="s">
        <v>25</v>
      </c>
      <c r="B14" s="17"/>
      <c r="C14" s="13">
        <v>1572</v>
      </c>
      <c r="D14" s="19">
        <v>820</v>
      </c>
      <c r="E14" s="19">
        <v>752</v>
      </c>
      <c r="F14" s="19"/>
      <c r="G14" s="18" t="s">
        <v>26</v>
      </c>
      <c r="H14" s="17"/>
      <c r="I14" s="13">
        <v>3116</v>
      </c>
      <c r="J14" s="19">
        <v>1583</v>
      </c>
      <c r="K14" s="19">
        <v>1533</v>
      </c>
    </row>
    <row r="15" spans="1:11" ht="15" customHeight="1">
      <c r="A15" s="17" t="s">
        <v>27</v>
      </c>
      <c r="B15" s="17"/>
      <c r="C15" s="13">
        <v>1638</v>
      </c>
      <c r="D15" s="19">
        <v>826</v>
      </c>
      <c r="E15" s="19">
        <v>812</v>
      </c>
      <c r="F15" s="19"/>
      <c r="G15" s="18" t="s">
        <v>28</v>
      </c>
      <c r="H15" s="17"/>
      <c r="I15" s="13">
        <v>2866</v>
      </c>
      <c r="J15" s="19">
        <v>1443</v>
      </c>
      <c r="K15" s="19">
        <v>1423</v>
      </c>
    </row>
    <row r="16" spans="1:11" ht="15" customHeight="1">
      <c r="A16" s="17" t="s">
        <v>29</v>
      </c>
      <c r="B16" s="17"/>
      <c r="C16" s="13">
        <v>1666</v>
      </c>
      <c r="D16" s="19">
        <v>875</v>
      </c>
      <c r="E16" s="19">
        <v>791</v>
      </c>
      <c r="F16" s="19"/>
      <c r="G16" s="18" t="s">
        <v>30</v>
      </c>
      <c r="H16" s="17"/>
      <c r="I16" s="13">
        <v>2750</v>
      </c>
      <c r="J16" s="19">
        <v>1356</v>
      </c>
      <c r="K16" s="19">
        <v>1394</v>
      </c>
    </row>
    <row r="17" spans="1:11" ht="20.100000000000001" customHeight="1">
      <c r="A17" s="20" t="s">
        <v>31</v>
      </c>
      <c r="B17" s="20"/>
      <c r="C17" s="13">
        <v>8604</v>
      </c>
      <c r="D17" s="14">
        <v>4393</v>
      </c>
      <c r="E17" s="14">
        <v>4211</v>
      </c>
      <c r="F17" s="14"/>
      <c r="G17" s="18" t="s">
        <v>32</v>
      </c>
      <c r="H17" s="17"/>
      <c r="I17" s="13">
        <v>12350</v>
      </c>
      <c r="J17" s="14">
        <v>6074</v>
      </c>
      <c r="K17" s="14">
        <v>6276</v>
      </c>
    </row>
    <row r="18" spans="1:11" ht="15" customHeight="1">
      <c r="A18" s="17" t="s">
        <v>33</v>
      </c>
      <c r="B18" s="17"/>
      <c r="C18" s="13">
        <v>1648</v>
      </c>
      <c r="D18" s="19">
        <v>836</v>
      </c>
      <c r="E18" s="19">
        <v>812</v>
      </c>
      <c r="F18" s="19"/>
      <c r="G18" s="18" t="s">
        <v>34</v>
      </c>
      <c r="H18" s="17"/>
      <c r="I18" s="13">
        <v>2652</v>
      </c>
      <c r="J18" s="19">
        <v>1324</v>
      </c>
      <c r="K18" s="19">
        <v>1328</v>
      </c>
    </row>
    <row r="19" spans="1:11" ht="15" customHeight="1">
      <c r="A19" s="17" t="s">
        <v>35</v>
      </c>
      <c r="B19" s="17"/>
      <c r="C19" s="13">
        <v>1748</v>
      </c>
      <c r="D19" s="19">
        <v>881</v>
      </c>
      <c r="E19" s="19">
        <v>867</v>
      </c>
      <c r="F19" s="19"/>
      <c r="G19" s="18" t="s">
        <v>36</v>
      </c>
      <c r="H19" s="17"/>
      <c r="I19" s="13">
        <v>2505</v>
      </c>
      <c r="J19" s="19">
        <v>1235</v>
      </c>
      <c r="K19" s="19">
        <v>1270</v>
      </c>
    </row>
    <row r="20" spans="1:11" ht="15" customHeight="1">
      <c r="A20" s="17" t="s">
        <v>37</v>
      </c>
      <c r="B20" s="17"/>
      <c r="C20" s="13">
        <v>1806</v>
      </c>
      <c r="D20" s="19">
        <v>915</v>
      </c>
      <c r="E20" s="19">
        <v>891</v>
      </c>
      <c r="F20" s="19"/>
      <c r="G20" s="18" t="s">
        <v>38</v>
      </c>
      <c r="H20" s="17"/>
      <c r="I20" s="13">
        <v>2515</v>
      </c>
      <c r="J20" s="19">
        <v>1222</v>
      </c>
      <c r="K20" s="19">
        <v>1293</v>
      </c>
    </row>
    <row r="21" spans="1:11" ht="15" customHeight="1">
      <c r="A21" s="17" t="s">
        <v>39</v>
      </c>
      <c r="B21" s="17"/>
      <c r="C21" s="13">
        <v>1710</v>
      </c>
      <c r="D21" s="19">
        <v>891</v>
      </c>
      <c r="E21" s="19">
        <v>819</v>
      </c>
      <c r="F21" s="19"/>
      <c r="G21" s="18" t="s">
        <v>40</v>
      </c>
      <c r="H21" s="17"/>
      <c r="I21" s="13">
        <v>2411</v>
      </c>
      <c r="J21" s="19">
        <v>1200</v>
      </c>
      <c r="K21" s="19">
        <v>1211</v>
      </c>
    </row>
    <row r="22" spans="1:11" ht="15" customHeight="1">
      <c r="A22" s="17" t="s">
        <v>41</v>
      </c>
      <c r="B22" s="17"/>
      <c r="C22" s="13">
        <v>1692</v>
      </c>
      <c r="D22" s="19">
        <v>870</v>
      </c>
      <c r="E22" s="19">
        <v>822</v>
      </c>
      <c r="F22" s="19"/>
      <c r="G22" s="18" t="s">
        <v>42</v>
      </c>
      <c r="H22" s="17"/>
      <c r="I22" s="13">
        <v>2267</v>
      </c>
      <c r="J22" s="19">
        <v>1093</v>
      </c>
      <c r="K22" s="19">
        <v>1174</v>
      </c>
    </row>
    <row r="23" spans="1:11" ht="20.100000000000001" customHeight="1">
      <c r="A23" s="17" t="s">
        <v>43</v>
      </c>
      <c r="B23" s="17"/>
      <c r="C23" s="13">
        <v>9240</v>
      </c>
      <c r="D23" s="14">
        <v>4689</v>
      </c>
      <c r="E23" s="14">
        <v>4551</v>
      </c>
      <c r="F23" s="14"/>
      <c r="G23" s="18" t="s">
        <v>44</v>
      </c>
      <c r="H23" s="17"/>
      <c r="I23" s="13">
        <v>11936</v>
      </c>
      <c r="J23" s="14">
        <v>5736</v>
      </c>
      <c r="K23" s="14">
        <v>6200</v>
      </c>
    </row>
    <row r="24" spans="1:11" ht="15" customHeight="1">
      <c r="A24" s="17" t="s">
        <v>45</v>
      </c>
      <c r="B24" s="17"/>
      <c r="C24" s="13">
        <v>1838</v>
      </c>
      <c r="D24" s="19">
        <v>971</v>
      </c>
      <c r="E24" s="19">
        <v>867</v>
      </c>
      <c r="F24" s="19"/>
      <c r="G24" s="18" t="s">
        <v>46</v>
      </c>
      <c r="H24" s="17"/>
      <c r="I24" s="13">
        <v>2251</v>
      </c>
      <c r="J24" s="19">
        <v>1127</v>
      </c>
      <c r="K24" s="19">
        <v>1124</v>
      </c>
    </row>
    <row r="25" spans="1:11" ht="15" customHeight="1">
      <c r="A25" s="17" t="s">
        <v>47</v>
      </c>
      <c r="B25" s="17"/>
      <c r="C25" s="13">
        <v>1701</v>
      </c>
      <c r="D25" s="19">
        <v>856</v>
      </c>
      <c r="E25" s="19">
        <v>845</v>
      </c>
      <c r="F25" s="19"/>
      <c r="G25" s="18" t="s">
        <v>48</v>
      </c>
      <c r="H25" s="17"/>
      <c r="I25" s="13">
        <v>2426</v>
      </c>
      <c r="J25" s="19">
        <v>1148</v>
      </c>
      <c r="K25" s="19">
        <v>1278</v>
      </c>
    </row>
    <row r="26" spans="1:11" ht="15" customHeight="1">
      <c r="A26" s="17" t="s">
        <v>49</v>
      </c>
      <c r="B26" s="17"/>
      <c r="C26" s="13">
        <v>1954</v>
      </c>
      <c r="D26" s="19">
        <v>1023</v>
      </c>
      <c r="E26" s="19">
        <v>931</v>
      </c>
      <c r="F26" s="19"/>
      <c r="G26" s="18" t="s">
        <v>50</v>
      </c>
      <c r="H26" s="17"/>
      <c r="I26" s="13">
        <v>2302</v>
      </c>
      <c r="J26" s="19">
        <v>1094</v>
      </c>
      <c r="K26" s="19">
        <v>1208</v>
      </c>
    </row>
    <row r="27" spans="1:11" ht="15" customHeight="1">
      <c r="A27" s="17" t="s">
        <v>51</v>
      </c>
      <c r="B27" s="17"/>
      <c r="C27" s="13">
        <v>1872</v>
      </c>
      <c r="D27" s="19">
        <v>920</v>
      </c>
      <c r="E27" s="19">
        <v>952</v>
      </c>
      <c r="F27" s="19"/>
      <c r="G27" s="18" t="s">
        <v>52</v>
      </c>
      <c r="H27" s="17"/>
      <c r="I27" s="13">
        <v>2379</v>
      </c>
      <c r="J27" s="19">
        <v>1153</v>
      </c>
      <c r="K27" s="19">
        <v>1226</v>
      </c>
    </row>
    <row r="28" spans="1:11" ht="15" customHeight="1">
      <c r="A28" s="17" t="s">
        <v>53</v>
      </c>
      <c r="B28" s="17"/>
      <c r="C28" s="13">
        <v>1875</v>
      </c>
      <c r="D28" s="19">
        <v>919</v>
      </c>
      <c r="E28" s="19">
        <v>956</v>
      </c>
      <c r="F28" s="19"/>
      <c r="G28" s="18" t="s">
        <v>54</v>
      </c>
      <c r="H28" s="17"/>
      <c r="I28" s="13">
        <v>2578</v>
      </c>
      <c r="J28" s="19">
        <v>1214</v>
      </c>
      <c r="K28" s="19">
        <v>1364</v>
      </c>
    </row>
    <row r="29" spans="1:11" ht="20.100000000000001" customHeight="1">
      <c r="A29" s="17" t="s">
        <v>55</v>
      </c>
      <c r="B29" s="17"/>
      <c r="C29" s="13">
        <v>10042</v>
      </c>
      <c r="D29" s="14">
        <v>5101</v>
      </c>
      <c r="E29" s="14">
        <v>4941</v>
      </c>
      <c r="F29" s="14"/>
      <c r="G29" s="18" t="s">
        <v>56</v>
      </c>
      <c r="H29" s="17"/>
      <c r="I29" s="13">
        <v>15949</v>
      </c>
      <c r="J29" s="14">
        <v>7416</v>
      </c>
      <c r="K29" s="14">
        <v>8533</v>
      </c>
    </row>
    <row r="30" spans="1:11" ht="15" customHeight="1">
      <c r="A30" s="17" t="s">
        <v>57</v>
      </c>
      <c r="B30" s="17"/>
      <c r="C30" s="13">
        <v>1935</v>
      </c>
      <c r="D30" s="19">
        <v>974</v>
      </c>
      <c r="E30" s="19">
        <v>961</v>
      </c>
      <c r="F30" s="19"/>
      <c r="G30" s="18" t="s">
        <v>58</v>
      </c>
      <c r="H30" s="17"/>
      <c r="I30" s="13">
        <v>2761</v>
      </c>
      <c r="J30" s="19">
        <v>1336</v>
      </c>
      <c r="K30" s="19">
        <v>1425</v>
      </c>
    </row>
    <row r="31" spans="1:11" ht="15" customHeight="1">
      <c r="A31" s="17" t="s">
        <v>59</v>
      </c>
      <c r="B31" s="17"/>
      <c r="C31" s="13">
        <v>2043</v>
      </c>
      <c r="D31" s="19">
        <v>1033</v>
      </c>
      <c r="E31" s="19">
        <v>1010</v>
      </c>
      <c r="F31" s="19"/>
      <c r="G31" s="18" t="s">
        <v>60</v>
      </c>
      <c r="H31" s="17"/>
      <c r="I31" s="13">
        <v>2993</v>
      </c>
      <c r="J31" s="19">
        <v>1421</v>
      </c>
      <c r="K31" s="19">
        <v>1572</v>
      </c>
    </row>
    <row r="32" spans="1:11" ht="15" customHeight="1">
      <c r="A32" s="17" t="s">
        <v>61</v>
      </c>
      <c r="B32" s="17"/>
      <c r="C32" s="13">
        <v>1968</v>
      </c>
      <c r="D32" s="19">
        <v>955</v>
      </c>
      <c r="E32" s="19">
        <v>1013</v>
      </c>
      <c r="F32" s="19"/>
      <c r="G32" s="18" t="s">
        <v>62</v>
      </c>
      <c r="H32" s="17"/>
      <c r="I32" s="13">
        <v>3411</v>
      </c>
      <c r="J32" s="19">
        <v>1565</v>
      </c>
      <c r="K32" s="19">
        <v>1846</v>
      </c>
    </row>
    <row r="33" spans="1:11" ht="15" customHeight="1">
      <c r="A33" s="17" t="s">
        <v>63</v>
      </c>
      <c r="B33" s="17"/>
      <c r="C33" s="13">
        <v>2113</v>
      </c>
      <c r="D33" s="19">
        <v>1085</v>
      </c>
      <c r="E33" s="19">
        <v>1028</v>
      </c>
      <c r="F33" s="19"/>
      <c r="G33" s="18" t="s">
        <v>64</v>
      </c>
      <c r="H33" s="17"/>
      <c r="I33" s="13">
        <v>3402</v>
      </c>
      <c r="J33" s="19">
        <v>1545</v>
      </c>
      <c r="K33" s="19">
        <v>1857</v>
      </c>
    </row>
    <row r="34" spans="1:11" ht="15" customHeight="1">
      <c r="A34" s="17" t="s">
        <v>65</v>
      </c>
      <c r="B34" s="17"/>
      <c r="C34" s="13">
        <v>1983</v>
      </c>
      <c r="D34" s="19">
        <v>1054</v>
      </c>
      <c r="E34" s="19">
        <v>929</v>
      </c>
      <c r="F34" s="19"/>
      <c r="G34" s="18" t="s">
        <v>66</v>
      </c>
      <c r="H34" s="17"/>
      <c r="I34" s="13">
        <v>3382</v>
      </c>
      <c r="J34" s="19">
        <v>1549</v>
      </c>
      <c r="K34" s="19">
        <v>1833</v>
      </c>
    </row>
    <row r="35" spans="1:11" ht="20.100000000000001" customHeight="1">
      <c r="A35" s="17" t="s">
        <v>67</v>
      </c>
      <c r="B35" s="17"/>
      <c r="C35" s="13">
        <v>9892</v>
      </c>
      <c r="D35" s="14">
        <v>4851</v>
      </c>
      <c r="E35" s="14">
        <v>5041</v>
      </c>
      <c r="F35" s="14"/>
      <c r="G35" s="18" t="s">
        <v>68</v>
      </c>
      <c r="H35" s="17"/>
      <c r="I35" s="13">
        <v>12539</v>
      </c>
      <c r="J35" s="14">
        <v>5430</v>
      </c>
      <c r="K35" s="14">
        <v>7109</v>
      </c>
    </row>
    <row r="36" spans="1:11" ht="15" customHeight="1">
      <c r="A36" s="17" t="s">
        <v>69</v>
      </c>
      <c r="B36" s="17"/>
      <c r="C36" s="13">
        <v>2057</v>
      </c>
      <c r="D36" s="19">
        <v>1043</v>
      </c>
      <c r="E36" s="19">
        <v>1014</v>
      </c>
      <c r="F36" s="19"/>
      <c r="G36" s="18" t="s">
        <v>70</v>
      </c>
      <c r="H36" s="17"/>
      <c r="I36" s="13">
        <v>2357</v>
      </c>
      <c r="J36" s="19">
        <v>1005</v>
      </c>
      <c r="K36" s="19">
        <v>1352</v>
      </c>
    </row>
    <row r="37" spans="1:11" ht="15" customHeight="1">
      <c r="A37" s="17" t="s">
        <v>71</v>
      </c>
      <c r="B37" s="17"/>
      <c r="C37" s="13">
        <v>1991</v>
      </c>
      <c r="D37" s="19">
        <v>953</v>
      </c>
      <c r="E37" s="19">
        <v>1038</v>
      </c>
      <c r="F37" s="19"/>
      <c r="G37" s="18" t="s">
        <v>72</v>
      </c>
      <c r="H37" s="17"/>
      <c r="I37" s="13">
        <v>2148</v>
      </c>
      <c r="J37" s="19">
        <v>959</v>
      </c>
      <c r="K37" s="19">
        <v>1189</v>
      </c>
    </row>
    <row r="38" spans="1:11" ht="15" customHeight="1">
      <c r="A38" s="17" t="s">
        <v>73</v>
      </c>
      <c r="B38" s="17"/>
      <c r="C38" s="13">
        <v>2003</v>
      </c>
      <c r="D38" s="19">
        <v>973</v>
      </c>
      <c r="E38" s="19">
        <v>1030</v>
      </c>
      <c r="F38" s="19"/>
      <c r="G38" s="18" t="s">
        <v>74</v>
      </c>
      <c r="H38" s="17"/>
      <c r="I38" s="13">
        <v>2566</v>
      </c>
      <c r="J38" s="19">
        <v>1084</v>
      </c>
      <c r="K38" s="19">
        <v>1482</v>
      </c>
    </row>
    <row r="39" spans="1:11" ht="15" customHeight="1">
      <c r="A39" s="17" t="s">
        <v>75</v>
      </c>
      <c r="B39" s="17"/>
      <c r="C39" s="13">
        <v>1913</v>
      </c>
      <c r="D39" s="19">
        <v>922</v>
      </c>
      <c r="E39" s="19">
        <v>991</v>
      </c>
      <c r="F39" s="19"/>
      <c r="G39" s="18" t="s">
        <v>76</v>
      </c>
      <c r="H39" s="17"/>
      <c r="I39" s="13">
        <v>2811</v>
      </c>
      <c r="J39" s="19">
        <v>1232</v>
      </c>
      <c r="K39" s="19">
        <v>1579</v>
      </c>
    </row>
    <row r="40" spans="1:11" ht="15" customHeight="1">
      <c r="A40" s="17" t="s">
        <v>77</v>
      </c>
      <c r="B40" s="17"/>
      <c r="C40" s="13">
        <v>1928</v>
      </c>
      <c r="D40" s="19">
        <v>960</v>
      </c>
      <c r="E40" s="19">
        <v>968</v>
      </c>
      <c r="F40" s="19"/>
      <c r="G40" s="18" t="s">
        <v>78</v>
      </c>
      <c r="H40" s="17"/>
      <c r="I40" s="13">
        <v>2657</v>
      </c>
      <c r="J40" s="19">
        <v>1150</v>
      </c>
      <c r="K40" s="19">
        <v>1507</v>
      </c>
    </row>
    <row r="41" spans="1:11" ht="20.100000000000001" customHeight="1">
      <c r="A41" s="17" t="s">
        <v>79</v>
      </c>
      <c r="B41" s="17"/>
      <c r="C41" s="13">
        <v>10316</v>
      </c>
      <c r="D41" s="14">
        <v>5227</v>
      </c>
      <c r="E41" s="14">
        <v>5089</v>
      </c>
      <c r="F41" s="14"/>
      <c r="G41" s="18" t="s">
        <v>80</v>
      </c>
      <c r="H41" s="17"/>
      <c r="I41" s="13">
        <v>10757</v>
      </c>
      <c r="J41" s="14">
        <v>4610</v>
      </c>
      <c r="K41" s="14">
        <v>6147</v>
      </c>
    </row>
    <row r="42" spans="1:11" ht="15" customHeight="1">
      <c r="A42" s="17" t="s">
        <v>81</v>
      </c>
      <c r="B42" s="17"/>
      <c r="C42" s="13">
        <v>2007</v>
      </c>
      <c r="D42" s="19">
        <v>1026</v>
      </c>
      <c r="E42" s="19">
        <v>981</v>
      </c>
      <c r="F42" s="19"/>
      <c r="G42" s="18" t="s">
        <v>82</v>
      </c>
      <c r="H42" s="17"/>
      <c r="I42" s="13">
        <v>2644</v>
      </c>
      <c r="J42" s="19">
        <v>1109</v>
      </c>
      <c r="K42" s="19">
        <v>1535</v>
      </c>
    </row>
    <row r="43" spans="1:11" ht="15" customHeight="1">
      <c r="A43" s="17" t="s">
        <v>83</v>
      </c>
      <c r="B43" s="17"/>
      <c r="C43" s="13">
        <v>1974</v>
      </c>
      <c r="D43" s="19">
        <v>1007</v>
      </c>
      <c r="E43" s="19">
        <v>967</v>
      </c>
      <c r="F43" s="19"/>
      <c r="G43" s="18" t="s">
        <v>84</v>
      </c>
      <c r="H43" s="17"/>
      <c r="I43" s="13">
        <v>2354</v>
      </c>
      <c r="J43" s="19">
        <v>1009</v>
      </c>
      <c r="K43" s="19">
        <v>1345</v>
      </c>
    </row>
    <row r="44" spans="1:11" ht="15" customHeight="1">
      <c r="A44" s="17" t="s">
        <v>85</v>
      </c>
      <c r="B44" s="17"/>
      <c r="C44" s="13">
        <v>2030</v>
      </c>
      <c r="D44" s="19">
        <v>1028</v>
      </c>
      <c r="E44" s="19">
        <v>1002</v>
      </c>
      <c r="F44" s="19"/>
      <c r="G44" s="18" t="s">
        <v>86</v>
      </c>
      <c r="H44" s="17"/>
      <c r="I44" s="13">
        <v>1872</v>
      </c>
      <c r="J44" s="19">
        <v>834</v>
      </c>
      <c r="K44" s="19">
        <v>1038</v>
      </c>
    </row>
    <row r="45" spans="1:11" ht="15" customHeight="1">
      <c r="A45" s="17" t="s">
        <v>87</v>
      </c>
      <c r="B45" s="17"/>
      <c r="C45" s="13">
        <v>2201</v>
      </c>
      <c r="D45" s="19">
        <v>1131</v>
      </c>
      <c r="E45" s="19">
        <v>1070</v>
      </c>
      <c r="F45" s="19"/>
      <c r="G45" s="18" t="s">
        <v>88</v>
      </c>
      <c r="H45" s="17"/>
      <c r="I45" s="13">
        <v>1949</v>
      </c>
      <c r="J45" s="19">
        <v>855</v>
      </c>
      <c r="K45" s="19">
        <v>1094</v>
      </c>
    </row>
    <row r="46" spans="1:11" ht="15" customHeight="1">
      <c r="A46" s="17" t="s">
        <v>89</v>
      </c>
      <c r="B46" s="17"/>
      <c r="C46" s="13">
        <v>2104</v>
      </c>
      <c r="D46" s="19">
        <v>1035</v>
      </c>
      <c r="E46" s="19">
        <v>1069</v>
      </c>
      <c r="F46" s="19"/>
      <c r="G46" s="18" t="s">
        <v>90</v>
      </c>
      <c r="H46" s="17"/>
      <c r="I46" s="13">
        <v>1938</v>
      </c>
      <c r="J46" s="19">
        <v>803</v>
      </c>
      <c r="K46" s="19">
        <v>1135</v>
      </c>
    </row>
    <row r="47" spans="1:11" ht="20.100000000000001" customHeight="1">
      <c r="A47" s="17" t="s">
        <v>91</v>
      </c>
      <c r="B47" s="17"/>
      <c r="C47" s="13">
        <v>11453</v>
      </c>
      <c r="D47" s="14">
        <v>5933</v>
      </c>
      <c r="E47" s="14">
        <v>5520</v>
      </c>
      <c r="F47" s="14"/>
      <c r="G47" s="18" t="s">
        <v>92</v>
      </c>
      <c r="H47" s="17"/>
      <c r="I47" s="13">
        <v>6988</v>
      </c>
      <c r="J47" s="14">
        <v>2704</v>
      </c>
      <c r="K47" s="14">
        <v>4284</v>
      </c>
    </row>
    <row r="48" spans="1:11" ht="15" customHeight="1">
      <c r="A48" s="17" t="s">
        <v>93</v>
      </c>
      <c r="B48" s="17"/>
      <c r="C48" s="13">
        <v>2140</v>
      </c>
      <c r="D48" s="19">
        <v>1150</v>
      </c>
      <c r="E48" s="19">
        <v>990</v>
      </c>
      <c r="F48" s="19"/>
      <c r="G48" s="18" t="s">
        <v>94</v>
      </c>
      <c r="H48" s="17"/>
      <c r="I48" s="13">
        <v>1749</v>
      </c>
      <c r="J48" s="19">
        <v>725</v>
      </c>
      <c r="K48" s="19">
        <v>1024</v>
      </c>
    </row>
    <row r="49" spans="1:11" ht="15" customHeight="1">
      <c r="A49" s="17" t="s">
        <v>95</v>
      </c>
      <c r="B49" s="17"/>
      <c r="C49" s="13">
        <v>2184</v>
      </c>
      <c r="D49" s="19">
        <v>1119</v>
      </c>
      <c r="E49" s="19">
        <v>1065</v>
      </c>
      <c r="F49" s="19"/>
      <c r="G49" s="18" t="s">
        <v>96</v>
      </c>
      <c r="H49" s="17"/>
      <c r="I49" s="13">
        <v>1683</v>
      </c>
      <c r="J49" s="19">
        <v>673</v>
      </c>
      <c r="K49" s="19">
        <v>1010</v>
      </c>
    </row>
    <row r="50" spans="1:11" ht="15" customHeight="1">
      <c r="A50" s="17" t="s">
        <v>97</v>
      </c>
      <c r="B50" s="17"/>
      <c r="C50" s="13">
        <v>2329</v>
      </c>
      <c r="D50" s="19">
        <v>1213</v>
      </c>
      <c r="E50" s="19">
        <v>1116</v>
      </c>
      <c r="F50" s="19"/>
      <c r="G50" s="18" t="s">
        <v>98</v>
      </c>
      <c r="H50" s="17"/>
      <c r="I50" s="13">
        <v>1318</v>
      </c>
      <c r="J50" s="19">
        <v>508</v>
      </c>
      <c r="K50" s="19">
        <v>810</v>
      </c>
    </row>
    <row r="51" spans="1:11" ht="15" customHeight="1">
      <c r="A51" s="17" t="s">
        <v>99</v>
      </c>
      <c r="B51" s="17"/>
      <c r="C51" s="13">
        <v>2458</v>
      </c>
      <c r="D51" s="19">
        <v>1234</v>
      </c>
      <c r="E51" s="19">
        <v>1224</v>
      </c>
      <c r="F51" s="19"/>
      <c r="G51" s="18" t="s">
        <v>100</v>
      </c>
      <c r="H51" s="17"/>
      <c r="I51" s="13">
        <v>1188</v>
      </c>
      <c r="J51" s="19">
        <v>434</v>
      </c>
      <c r="K51" s="19">
        <v>754</v>
      </c>
    </row>
    <row r="52" spans="1:11" ht="15" customHeight="1">
      <c r="A52" s="17" t="s">
        <v>101</v>
      </c>
      <c r="B52" s="17"/>
      <c r="C52" s="13">
        <v>2342</v>
      </c>
      <c r="D52" s="19">
        <v>1217</v>
      </c>
      <c r="E52" s="19">
        <v>1125</v>
      </c>
      <c r="F52" s="19"/>
      <c r="G52" s="18" t="s">
        <v>102</v>
      </c>
      <c r="H52" s="17"/>
      <c r="I52" s="13">
        <v>1050</v>
      </c>
      <c r="J52" s="19">
        <v>364</v>
      </c>
      <c r="K52" s="19">
        <v>686</v>
      </c>
    </row>
    <row r="53" spans="1:11" ht="20.100000000000001" customHeight="1">
      <c r="A53" s="17" t="s">
        <v>103</v>
      </c>
      <c r="B53" s="17"/>
      <c r="C53" s="13">
        <v>13272</v>
      </c>
      <c r="D53" s="14">
        <v>6785</v>
      </c>
      <c r="E53" s="14">
        <v>6487</v>
      </c>
      <c r="F53" s="14"/>
      <c r="G53" s="18" t="s">
        <v>104</v>
      </c>
      <c r="H53" s="17"/>
      <c r="I53" s="13">
        <v>2861</v>
      </c>
      <c r="J53" s="14">
        <v>951</v>
      </c>
      <c r="K53" s="14">
        <v>1910</v>
      </c>
    </row>
    <row r="54" spans="1:11" ht="15" customHeight="1">
      <c r="A54" s="17" t="s">
        <v>105</v>
      </c>
      <c r="B54" s="17"/>
      <c r="C54" s="13">
        <v>2475</v>
      </c>
      <c r="D54" s="19">
        <v>1283</v>
      </c>
      <c r="E54" s="19">
        <v>1192</v>
      </c>
      <c r="F54" s="19"/>
      <c r="G54" s="18" t="s">
        <v>106</v>
      </c>
      <c r="H54" s="17"/>
      <c r="I54" s="13">
        <v>842</v>
      </c>
      <c r="J54" s="19">
        <v>327</v>
      </c>
      <c r="K54" s="19">
        <v>515</v>
      </c>
    </row>
    <row r="55" spans="1:11" ht="15" customHeight="1">
      <c r="A55" s="17" t="s">
        <v>107</v>
      </c>
      <c r="B55" s="17"/>
      <c r="C55" s="13">
        <v>2577</v>
      </c>
      <c r="D55" s="19">
        <v>1282</v>
      </c>
      <c r="E55" s="19">
        <v>1295</v>
      </c>
      <c r="F55" s="19"/>
      <c r="G55" s="18" t="s">
        <v>108</v>
      </c>
      <c r="H55" s="17"/>
      <c r="I55" s="13">
        <v>685</v>
      </c>
      <c r="J55" s="19">
        <v>235</v>
      </c>
      <c r="K55" s="19">
        <v>450</v>
      </c>
    </row>
    <row r="56" spans="1:11" ht="15" customHeight="1">
      <c r="A56" s="17" t="s">
        <v>109</v>
      </c>
      <c r="B56" s="17"/>
      <c r="C56" s="13">
        <v>2669</v>
      </c>
      <c r="D56" s="19">
        <v>1384</v>
      </c>
      <c r="E56" s="19">
        <v>1285</v>
      </c>
      <c r="F56" s="19"/>
      <c r="G56" s="18" t="s">
        <v>110</v>
      </c>
      <c r="H56" s="17"/>
      <c r="I56" s="13">
        <v>572</v>
      </c>
      <c r="J56" s="19">
        <v>182</v>
      </c>
      <c r="K56" s="19">
        <v>390</v>
      </c>
    </row>
    <row r="57" spans="1:11" ht="15" customHeight="1">
      <c r="A57" s="17" t="s">
        <v>111</v>
      </c>
      <c r="B57" s="17"/>
      <c r="C57" s="13">
        <v>2672</v>
      </c>
      <c r="D57" s="19">
        <v>1312</v>
      </c>
      <c r="E57" s="19">
        <v>1360</v>
      </c>
      <c r="F57" s="19"/>
      <c r="G57" s="18" t="s">
        <v>112</v>
      </c>
      <c r="H57" s="17"/>
      <c r="I57" s="13">
        <v>438</v>
      </c>
      <c r="J57" s="19">
        <v>109</v>
      </c>
      <c r="K57" s="19">
        <v>329</v>
      </c>
    </row>
    <row r="58" spans="1:11" ht="15" customHeight="1">
      <c r="A58" s="17" t="s">
        <v>113</v>
      </c>
      <c r="B58" s="17"/>
      <c r="C58" s="13">
        <v>2879</v>
      </c>
      <c r="D58" s="19">
        <v>1524</v>
      </c>
      <c r="E58" s="19">
        <v>1355</v>
      </c>
      <c r="F58" s="19"/>
      <c r="G58" s="18" t="s">
        <v>114</v>
      </c>
      <c r="H58" s="17"/>
      <c r="I58" s="13">
        <v>324</v>
      </c>
      <c r="J58" s="19">
        <v>98</v>
      </c>
      <c r="K58" s="19">
        <v>226</v>
      </c>
    </row>
    <row r="59" spans="1:11" ht="20.100000000000001" customHeight="1">
      <c r="A59" s="17" t="s">
        <v>115</v>
      </c>
      <c r="B59" s="17"/>
      <c r="C59" s="13">
        <v>16856</v>
      </c>
      <c r="D59" s="14">
        <v>8499</v>
      </c>
      <c r="E59" s="14">
        <v>8357</v>
      </c>
      <c r="F59" s="14"/>
      <c r="G59" s="18" t="s">
        <v>116</v>
      </c>
      <c r="H59" s="17"/>
      <c r="I59" s="13">
        <v>640</v>
      </c>
      <c r="J59" s="14">
        <v>148</v>
      </c>
      <c r="K59" s="14">
        <v>492</v>
      </c>
    </row>
    <row r="60" spans="1:11" ht="15" customHeight="1">
      <c r="A60" s="17" t="s">
        <v>117</v>
      </c>
      <c r="B60" s="17"/>
      <c r="C60" s="13">
        <v>2984</v>
      </c>
      <c r="D60" s="19">
        <v>1511</v>
      </c>
      <c r="E60" s="19">
        <v>1473</v>
      </c>
      <c r="F60" s="19"/>
      <c r="G60" s="18" t="s">
        <v>118</v>
      </c>
      <c r="H60" s="17"/>
      <c r="I60" s="13">
        <v>214</v>
      </c>
      <c r="J60" s="19">
        <v>58</v>
      </c>
      <c r="K60" s="19">
        <v>156</v>
      </c>
    </row>
    <row r="61" spans="1:11" ht="15" customHeight="1">
      <c r="A61" s="17" t="s">
        <v>119</v>
      </c>
      <c r="B61" s="17"/>
      <c r="C61" s="13">
        <v>3089</v>
      </c>
      <c r="D61" s="19">
        <v>1578</v>
      </c>
      <c r="E61" s="19">
        <v>1511</v>
      </c>
      <c r="F61" s="19"/>
      <c r="G61" s="18" t="s">
        <v>120</v>
      </c>
      <c r="H61" s="17"/>
      <c r="I61" s="13">
        <v>168</v>
      </c>
      <c r="J61" s="19">
        <v>33</v>
      </c>
      <c r="K61" s="19">
        <v>135</v>
      </c>
    </row>
    <row r="62" spans="1:11" ht="15" customHeight="1">
      <c r="A62" s="17" t="s">
        <v>121</v>
      </c>
      <c r="B62" s="17"/>
      <c r="C62" s="13">
        <v>3430</v>
      </c>
      <c r="D62" s="19">
        <v>1739</v>
      </c>
      <c r="E62" s="19">
        <v>1691</v>
      </c>
      <c r="F62" s="19"/>
      <c r="G62" s="18" t="s">
        <v>122</v>
      </c>
      <c r="H62" s="17"/>
      <c r="I62" s="13">
        <v>120</v>
      </c>
      <c r="J62" s="19">
        <v>24</v>
      </c>
      <c r="K62" s="19">
        <v>96</v>
      </c>
    </row>
    <row r="63" spans="1:11" ht="15" customHeight="1">
      <c r="A63" s="17" t="s">
        <v>123</v>
      </c>
      <c r="B63" s="17"/>
      <c r="C63" s="13">
        <v>3649</v>
      </c>
      <c r="D63" s="19">
        <v>1799</v>
      </c>
      <c r="E63" s="19">
        <v>1850</v>
      </c>
      <c r="F63" s="19"/>
      <c r="G63" s="18" t="s">
        <v>124</v>
      </c>
      <c r="H63" s="17"/>
      <c r="I63" s="13">
        <v>72</v>
      </c>
      <c r="J63" s="19">
        <v>12</v>
      </c>
      <c r="K63" s="19">
        <v>60</v>
      </c>
    </row>
    <row r="64" spans="1:11" ht="15" customHeight="1">
      <c r="A64" s="17" t="s">
        <v>125</v>
      </c>
      <c r="B64" s="17"/>
      <c r="C64" s="13">
        <v>3704</v>
      </c>
      <c r="D64" s="19">
        <v>1872</v>
      </c>
      <c r="E64" s="19">
        <v>1832</v>
      </c>
      <c r="F64" s="19"/>
      <c r="G64" s="18" t="s">
        <v>126</v>
      </c>
      <c r="H64" s="17"/>
      <c r="I64" s="13">
        <v>66</v>
      </c>
      <c r="J64" s="19">
        <v>21</v>
      </c>
      <c r="K64" s="19">
        <v>45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00</v>
      </c>
      <c r="J65" s="19">
        <v>9</v>
      </c>
      <c r="K65" s="19">
        <v>91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3954</v>
      </c>
      <c r="J66" s="27">
        <v>2409</v>
      </c>
      <c r="K66" s="27">
        <v>1545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5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43359</v>
      </c>
      <c r="D4" s="14">
        <v>117399</v>
      </c>
      <c r="E4" s="14">
        <v>12596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7796</v>
      </c>
      <c r="D5" s="14">
        <v>3937</v>
      </c>
      <c r="E5" s="14">
        <v>3859</v>
      </c>
      <c r="F5" s="14"/>
      <c r="G5" s="18" t="s">
        <v>8</v>
      </c>
      <c r="H5" s="17"/>
      <c r="I5" s="13">
        <v>19966</v>
      </c>
      <c r="J5" s="14">
        <v>10145</v>
      </c>
      <c r="K5" s="14">
        <v>9821</v>
      </c>
    </row>
    <row r="6" spans="1:11" ht="15" customHeight="1">
      <c r="A6" s="17" t="s">
        <v>9</v>
      </c>
      <c r="B6" s="17"/>
      <c r="C6" s="13">
        <v>1457</v>
      </c>
      <c r="D6" s="19">
        <v>757</v>
      </c>
      <c r="E6" s="19">
        <v>700</v>
      </c>
      <c r="F6" s="19"/>
      <c r="G6" s="18" t="s">
        <v>10</v>
      </c>
      <c r="H6" s="17"/>
      <c r="I6" s="13">
        <v>4074</v>
      </c>
      <c r="J6" s="19">
        <v>2053</v>
      </c>
      <c r="K6" s="19">
        <v>2021</v>
      </c>
    </row>
    <row r="7" spans="1:11" ht="15" customHeight="1">
      <c r="A7" s="17" t="s">
        <v>11</v>
      </c>
      <c r="B7" s="17"/>
      <c r="C7" s="13">
        <v>1504</v>
      </c>
      <c r="D7" s="19">
        <v>729</v>
      </c>
      <c r="E7" s="19">
        <v>775</v>
      </c>
      <c r="F7" s="19"/>
      <c r="G7" s="18" t="s">
        <v>12</v>
      </c>
      <c r="H7" s="17"/>
      <c r="I7" s="13">
        <v>4137</v>
      </c>
      <c r="J7" s="19">
        <v>2095</v>
      </c>
      <c r="K7" s="19">
        <v>2042</v>
      </c>
    </row>
    <row r="8" spans="1:11" ht="15" customHeight="1">
      <c r="A8" s="17" t="s">
        <v>13</v>
      </c>
      <c r="B8" s="17"/>
      <c r="C8" s="13">
        <v>1542</v>
      </c>
      <c r="D8" s="19">
        <v>776</v>
      </c>
      <c r="E8" s="19">
        <v>766</v>
      </c>
      <c r="F8" s="19"/>
      <c r="G8" s="18" t="s">
        <v>14</v>
      </c>
      <c r="H8" s="17"/>
      <c r="I8" s="13">
        <v>3900</v>
      </c>
      <c r="J8" s="19">
        <v>1983</v>
      </c>
      <c r="K8" s="19">
        <v>1917</v>
      </c>
    </row>
    <row r="9" spans="1:11" ht="15" customHeight="1">
      <c r="A9" s="17" t="s">
        <v>15</v>
      </c>
      <c r="B9" s="17"/>
      <c r="C9" s="13">
        <v>1594</v>
      </c>
      <c r="D9" s="19">
        <v>806</v>
      </c>
      <c r="E9" s="19">
        <v>788</v>
      </c>
      <c r="F9" s="19"/>
      <c r="G9" s="18" t="s">
        <v>16</v>
      </c>
      <c r="H9" s="17"/>
      <c r="I9" s="13">
        <v>3878</v>
      </c>
      <c r="J9" s="19">
        <v>1989</v>
      </c>
      <c r="K9" s="19">
        <v>1889</v>
      </c>
    </row>
    <row r="10" spans="1:11" ht="15" customHeight="1">
      <c r="A10" s="17" t="s">
        <v>17</v>
      </c>
      <c r="B10" s="17"/>
      <c r="C10" s="13">
        <v>1699</v>
      </c>
      <c r="D10" s="19">
        <v>869</v>
      </c>
      <c r="E10" s="19">
        <v>830</v>
      </c>
      <c r="F10" s="19"/>
      <c r="G10" s="18" t="s">
        <v>18</v>
      </c>
      <c r="H10" s="17"/>
      <c r="I10" s="13">
        <v>3977</v>
      </c>
      <c r="J10" s="19">
        <v>2025</v>
      </c>
      <c r="K10" s="19">
        <v>1952</v>
      </c>
    </row>
    <row r="11" spans="1:11" ht="20.100000000000001" customHeight="1">
      <c r="A11" s="17" t="s">
        <v>19</v>
      </c>
      <c r="B11" s="17"/>
      <c r="C11" s="13">
        <v>9221</v>
      </c>
      <c r="D11" s="14">
        <v>4663</v>
      </c>
      <c r="E11" s="14">
        <v>4558</v>
      </c>
      <c r="F11" s="14"/>
      <c r="G11" s="18" t="s">
        <v>20</v>
      </c>
      <c r="H11" s="17"/>
      <c r="I11" s="13">
        <v>16078</v>
      </c>
      <c r="J11" s="14">
        <v>8138</v>
      </c>
      <c r="K11" s="14">
        <v>7940</v>
      </c>
    </row>
    <row r="12" spans="1:11" ht="15" customHeight="1">
      <c r="A12" s="17" t="s">
        <v>21</v>
      </c>
      <c r="B12" s="17"/>
      <c r="C12" s="13">
        <v>1688</v>
      </c>
      <c r="D12" s="19">
        <v>855</v>
      </c>
      <c r="E12" s="19">
        <v>833</v>
      </c>
      <c r="F12" s="19"/>
      <c r="G12" s="18" t="s">
        <v>22</v>
      </c>
      <c r="H12" s="17"/>
      <c r="I12" s="13">
        <v>2808</v>
      </c>
      <c r="J12" s="19">
        <v>1397</v>
      </c>
      <c r="K12" s="19">
        <v>1411</v>
      </c>
    </row>
    <row r="13" spans="1:11" ht="15" customHeight="1">
      <c r="A13" s="17" t="s">
        <v>23</v>
      </c>
      <c r="B13" s="17"/>
      <c r="C13" s="13">
        <v>1857</v>
      </c>
      <c r="D13" s="19">
        <v>912</v>
      </c>
      <c r="E13" s="19">
        <v>945</v>
      </c>
      <c r="F13" s="19"/>
      <c r="G13" s="18" t="s">
        <v>24</v>
      </c>
      <c r="H13" s="17"/>
      <c r="I13" s="13">
        <v>3649</v>
      </c>
      <c r="J13" s="19">
        <v>1882</v>
      </c>
      <c r="K13" s="19">
        <v>1767</v>
      </c>
    </row>
    <row r="14" spans="1:11" ht="15" customHeight="1">
      <c r="A14" s="17" t="s">
        <v>25</v>
      </c>
      <c r="B14" s="17"/>
      <c r="C14" s="13">
        <v>1826</v>
      </c>
      <c r="D14" s="19">
        <v>944</v>
      </c>
      <c r="E14" s="19">
        <v>882</v>
      </c>
      <c r="F14" s="19"/>
      <c r="G14" s="18" t="s">
        <v>26</v>
      </c>
      <c r="H14" s="17"/>
      <c r="I14" s="13">
        <v>3332</v>
      </c>
      <c r="J14" s="19">
        <v>1698</v>
      </c>
      <c r="K14" s="19">
        <v>1634</v>
      </c>
    </row>
    <row r="15" spans="1:11" ht="15" customHeight="1">
      <c r="A15" s="17" t="s">
        <v>27</v>
      </c>
      <c r="B15" s="17"/>
      <c r="C15" s="13">
        <v>1830</v>
      </c>
      <c r="D15" s="19">
        <v>939</v>
      </c>
      <c r="E15" s="19">
        <v>891</v>
      </c>
      <c r="F15" s="19"/>
      <c r="G15" s="18" t="s">
        <v>28</v>
      </c>
      <c r="H15" s="17"/>
      <c r="I15" s="13">
        <v>3192</v>
      </c>
      <c r="J15" s="19">
        <v>1590</v>
      </c>
      <c r="K15" s="19">
        <v>1602</v>
      </c>
    </row>
    <row r="16" spans="1:11" ht="15" customHeight="1">
      <c r="A16" s="17" t="s">
        <v>29</v>
      </c>
      <c r="B16" s="17"/>
      <c r="C16" s="13">
        <v>2020</v>
      </c>
      <c r="D16" s="19">
        <v>1013</v>
      </c>
      <c r="E16" s="19">
        <v>1007</v>
      </c>
      <c r="F16" s="19"/>
      <c r="G16" s="18" t="s">
        <v>30</v>
      </c>
      <c r="H16" s="17"/>
      <c r="I16" s="13">
        <v>3097</v>
      </c>
      <c r="J16" s="19">
        <v>1571</v>
      </c>
      <c r="K16" s="19">
        <v>1526</v>
      </c>
    </row>
    <row r="17" spans="1:11" ht="20.100000000000001" customHeight="1">
      <c r="A17" s="20" t="s">
        <v>31</v>
      </c>
      <c r="B17" s="20"/>
      <c r="C17" s="13">
        <v>10112</v>
      </c>
      <c r="D17" s="14">
        <v>5179</v>
      </c>
      <c r="E17" s="14">
        <v>4933</v>
      </c>
      <c r="F17" s="14"/>
      <c r="G17" s="18" t="s">
        <v>32</v>
      </c>
      <c r="H17" s="17"/>
      <c r="I17" s="13">
        <v>14010</v>
      </c>
      <c r="J17" s="14">
        <v>6955</v>
      </c>
      <c r="K17" s="14">
        <v>7055</v>
      </c>
    </row>
    <row r="18" spans="1:11" ht="15" customHeight="1">
      <c r="A18" s="17" t="s">
        <v>33</v>
      </c>
      <c r="B18" s="17"/>
      <c r="C18" s="13">
        <v>1891</v>
      </c>
      <c r="D18" s="19">
        <v>964</v>
      </c>
      <c r="E18" s="19">
        <v>927</v>
      </c>
      <c r="F18" s="19"/>
      <c r="G18" s="18" t="s">
        <v>34</v>
      </c>
      <c r="H18" s="17"/>
      <c r="I18" s="13">
        <v>2967</v>
      </c>
      <c r="J18" s="19">
        <v>1474</v>
      </c>
      <c r="K18" s="19">
        <v>1493</v>
      </c>
    </row>
    <row r="19" spans="1:11" ht="15" customHeight="1">
      <c r="A19" s="17" t="s">
        <v>35</v>
      </c>
      <c r="B19" s="17"/>
      <c r="C19" s="13">
        <v>2043</v>
      </c>
      <c r="D19" s="19">
        <v>1036</v>
      </c>
      <c r="E19" s="19">
        <v>1007</v>
      </c>
      <c r="F19" s="19"/>
      <c r="G19" s="18" t="s">
        <v>36</v>
      </c>
      <c r="H19" s="17"/>
      <c r="I19" s="13">
        <v>2918</v>
      </c>
      <c r="J19" s="19">
        <v>1459</v>
      </c>
      <c r="K19" s="19">
        <v>1459</v>
      </c>
    </row>
    <row r="20" spans="1:11" ht="15" customHeight="1">
      <c r="A20" s="17" t="s">
        <v>37</v>
      </c>
      <c r="B20" s="17"/>
      <c r="C20" s="13">
        <v>2111</v>
      </c>
      <c r="D20" s="19">
        <v>1073</v>
      </c>
      <c r="E20" s="19">
        <v>1038</v>
      </c>
      <c r="F20" s="19"/>
      <c r="G20" s="18" t="s">
        <v>38</v>
      </c>
      <c r="H20" s="17"/>
      <c r="I20" s="13">
        <v>2850</v>
      </c>
      <c r="J20" s="19">
        <v>1432</v>
      </c>
      <c r="K20" s="19">
        <v>1418</v>
      </c>
    </row>
    <row r="21" spans="1:11" ht="15" customHeight="1">
      <c r="A21" s="17" t="s">
        <v>39</v>
      </c>
      <c r="B21" s="17"/>
      <c r="C21" s="13">
        <v>2017</v>
      </c>
      <c r="D21" s="19">
        <v>1057</v>
      </c>
      <c r="E21" s="19">
        <v>960</v>
      </c>
      <c r="F21" s="19"/>
      <c r="G21" s="18" t="s">
        <v>40</v>
      </c>
      <c r="H21" s="17"/>
      <c r="I21" s="13">
        <v>2706</v>
      </c>
      <c r="J21" s="19">
        <v>1356</v>
      </c>
      <c r="K21" s="19">
        <v>1350</v>
      </c>
    </row>
    <row r="22" spans="1:11" ht="15" customHeight="1">
      <c r="A22" s="17" t="s">
        <v>41</v>
      </c>
      <c r="B22" s="17"/>
      <c r="C22" s="13">
        <v>2050</v>
      </c>
      <c r="D22" s="19">
        <v>1049</v>
      </c>
      <c r="E22" s="19">
        <v>1001</v>
      </c>
      <c r="F22" s="19"/>
      <c r="G22" s="18" t="s">
        <v>42</v>
      </c>
      <c r="H22" s="17"/>
      <c r="I22" s="13">
        <v>2569</v>
      </c>
      <c r="J22" s="19">
        <v>1234</v>
      </c>
      <c r="K22" s="19">
        <v>1335</v>
      </c>
    </row>
    <row r="23" spans="1:11" ht="20.100000000000001" customHeight="1">
      <c r="A23" s="17" t="s">
        <v>43</v>
      </c>
      <c r="B23" s="17"/>
      <c r="C23" s="13">
        <v>10483</v>
      </c>
      <c r="D23" s="14">
        <v>5402</v>
      </c>
      <c r="E23" s="14">
        <v>5081</v>
      </c>
      <c r="F23" s="14"/>
      <c r="G23" s="18" t="s">
        <v>44</v>
      </c>
      <c r="H23" s="17"/>
      <c r="I23" s="13">
        <v>13798</v>
      </c>
      <c r="J23" s="14">
        <v>6696</v>
      </c>
      <c r="K23" s="14">
        <v>7102</v>
      </c>
    </row>
    <row r="24" spans="1:11" ht="15" customHeight="1">
      <c r="A24" s="17" t="s">
        <v>45</v>
      </c>
      <c r="B24" s="17"/>
      <c r="C24" s="13">
        <v>2073</v>
      </c>
      <c r="D24" s="19">
        <v>1105</v>
      </c>
      <c r="E24" s="19">
        <v>968</v>
      </c>
      <c r="F24" s="19"/>
      <c r="G24" s="18" t="s">
        <v>46</v>
      </c>
      <c r="H24" s="17"/>
      <c r="I24" s="13">
        <v>2628</v>
      </c>
      <c r="J24" s="19">
        <v>1278</v>
      </c>
      <c r="K24" s="19">
        <v>1350</v>
      </c>
    </row>
    <row r="25" spans="1:11" ht="15" customHeight="1">
      <c r="A25" s="17" t="s">
        <v>47</v>
      </c>
      <c r="B25" s="17"/>
      <c r="C25" s="13">
        <v>2022</v>
      </c>
      <c r="D25" s="19">
        <v>1017</v>
      </c>
      <c r="E25" s="19">
        <v>1005</v>
      </c>
      <c r="F25" s="19"/>
      <c r="G25" s="18" t="s">
        <v>48</v>
      </c>
      <c r="H25" s="17"/>
      <c r="I25" s="13">
        <v>2653</v>
      </c>
      <c r="J25" s="19">
        <v>1322</v>
      </c>
      <c r="K25" s="19">
        <v>1331</v>
      </c>
    </row>
    <row r="26" spans="1:11" ht="15" customHeight="1">
      <c r="A26" s="17" t="s">
        <v>49</v>
      </c>
      <c r="B26" s="17"/>
      <c r="C26" s="13">
        <v>2026</v>
      </c>
      <c r="D26" s="19">
        <v>1087</v>
      </c>
      <c r="E26" s="19">
        <v>939</v>
      </c>
      <c r="F26" s="19"/>
      <c r="G26" s="18" t="s">
        <v>50</v>
      </c>
      <c r="H26" s="17"/>
      <c r="I26" s="13">
        <v>2759</v>
      </c>
      <c r="J26" s="19">
        <v>1334</v>
      </c>
      <c r="K26" s="19">
        <v>1425</v>
      </c>
    </row>
    <row r="27" spans="1:11" ht="15" customHeight="1">
      <c r="A27" s="17" t="s">
        <v>51</v>
      </c>
      <c r="B27" s="17"/>
      <c r="C27" s="13">
        <v>2183</v>
      </c>
      <c r="D27" s="19">
        <v>1111</v>
      </c>
      <c r="E27" s="19">
        <v>1072</v>
      </c>
      <c r="F27" s="19"/>
      <c r="G27" s="18" t="s">
        <v>52</v>
      </c>
      <c r="H27" s="17"/>
      <c r="I27" s="13">
        <v>2780</v>
      </c>
      <c r="J27" s="19">
        <v>1313</v>
      </c>
      <c r="K27" s="19">
        <v>1467</v>
      </c>
    </row>
    <row r="28" spans="1:11" ht="15" customHeight="1">
      <c r="A28" s="17" t="s">
        <v>53</v>
      </c>
      <c r="B28" s="17"/>
      <c r="C28" s="13">
        <v>2179</v>
      </c>
      <c r="D28" s="19">
        <v>1082</v>
      </c>
      <c r="E28" s="19">
        <v>1097</v>
      </c>
      <c r="F28" s="19"/>
      <c r="G28" s="18" t="s">
        <v>54</v>
      </c>
      <c r="H28" s="17"/>
      <c r="I28" s="13">
        <v>2978</v>
      </c>
      <c r="J28" s="19">
        <v>1449</v>
      </c>
      <c r="K28" s="19">
        <v>1529</v>
      </c>
    </row>
    <row r="29" spans="1:11" ht="20.100000000000001" customHeight="1">
      <c r="A29" s="17" t="s">
        <v>55</v>
      </c>
      <c r="B29" s="17"/>
      <c r="C29" s="13">
        <v>11375</v>
      </c>
      <c r="D29" s="14">
        <v>5656</v>
      </c>
      <c r="E29" s="14">
        <v>5719</v>
      </c>
      <c r="F29" s="14"/>
      <c r="G29" s="18" t="s">
        <v>56</v>
      </c>
      <c r="H29" s="17"/>
      <c r="I29" s="13">
        <v>18110</v>
      </c>
      <c r="J29" s="14">
        <v>8442</v>
      </c>
      <c r="K29" s="14">
        <v>9668</v>
      </c>
    </row>
    <row r="30" spans="1:11" ht="15" customHeight="1">
      <c r="A30" s="17" t="s">
        <v>57</v>
      </c>
      <c r="B30" s="17"/>
      <c r="C30" s="13">
        <v>2256</v>
      </c>
      <c r="D30" s="19">
        <v>1140</v>
      </c>
      <c r="E30" s="19">
        <v>1116</v>
      </c>
      <c r="F30" s="19"/>
      <c r="G30" s="18" t="s">
        <v>58</v>
      </c>
      <c r="H30" s="17"/>
      <c r="I30" s="13">
        <v>3187</v>
      </c>
      <c r="J30" s="19">
        <v>1502</v>
      </c>
      <c r="K30" s="19">
        <v>1685</v>
      </c>
    </row>
    <row r="31" spans="1:11" ht="15" customHeight="1">
      <c r="A31" s="17" t="s">
        <v>59</v>
      </c>
      <c r="B31" s="17"/>
      <c r="C31" s="13">
        <v>2299</v>
      </c>
      <c r="D31" s="19">
        <v>1139</v>
      </c>
      <c r="E31" s="19">
        <v>1160</v>
      </c>
      <c r="F31" s="19"/>
      <c r="G31" s="18" t="s">
        <v>60</v>
      </c>
      <c r="H31" s="17"/>
      <c r="I31" s="13">
        <v>3433</v>
      </c>
      <c r="J31" s="19">
        <v>1613</v>
      </c>
      <c r="K31" s="19">
        <v>1820</v>
      </c>
    </row>
    <row r="32" spans="1:11" ht="15" customHeight="1">
      <c r="A32" s="17" t="s">
        <v>61</v>
      </c>
      <c r="B32" s="17"/>
      <c r="C32" s="13">
        <v>2215</v>
      </c>
      <c r="D32" s="19">
        <v>1116</v>
      </c>
      <c r="E32" s="19">
        <v>1099</v>
      </c>
      <c r="F32" s="19"/>
      <c r="G32" s="18" t="s">
        <v>62</v>
      </c>
      <c r="H32" s="17"/>
      <c r="I32" s="13">
        <v>3912</v>
      </c>
      <c r="J32" s="19">
        <v>1844</v>
      </c>
      <c r="K32" s="19">
        <v>2068</v>
      </c>
    </row>
    <row r="33" spans="1:11" ht="15" customHeight="1">
      <c r="A33" s="17" t="s">
        <v>63</v>
      </c>
      <c r="B33" s="17"/>
      <c r="C33" s="13">
        <v>2355</v>
      </c>
      <c r="D33" s="19">
        <v>1173</v>
      </c>
      <c r="E33" s="19">
        <v>1182</v>
      </c>
      <c r="F33" s="19"/>
      <c r="G33" s="18" t="s">
        <v>64</v>
      </c>
      <c r="H33" s="17"/>
      <c r="I33" s="13">
        <v>3788</v>
      </c>
      <c r="J33" s="19">
        <v>1766</v>
      </c>
      <c r="K33" s="19">
        <v>2022</v>
      </c>
    </row>
    <row r="34" spans="1:11" ht="15" customHeight="1">
      <c r="A34" s="17" t="s">
        <v>65</v>
      </c>
      <c r="B34" s="17"/>
      <c r="C34" s="13">
        <v>2250</v>
      </c>
      <c r="D34" s="19">
        <v>1088</v>
      </c>
      <c r="E34" s="19">
        <v>1162</v>
      </c>
      <c r="F34" s="19"/>
      <c r="G34" s="18" t="s">
        <v>66</v>
      </c>
      <c r="H34" s="17"/>
      <c r="I34" s="13">
        <v>3790</v>
      </c>
      <c r="J34" s="19">
        <v>1717</v>
      </c>
      <c r="K34" s="19">
        <v>2073</v>
      </c>
    </row>
    <row r="35" spans="1:11" ht="20.100000000000001" customHeight="1">
      <c r="A35" s="17" t="s">
        <v>67</v>
      </c>
      <c r="B35" s="17"/>
      <c r="C35" s="13">
        <v>10780</v>
      </c>
      <c r="D35" s="14">
        <v>5448</v>
      </c>
      <c r="E35" s="14">
        <v>5332</v>
      </c>
      <c r="F35" s="14"/>
      <c r="G35" s="18" t="s">
        <v>68</v>
      </c>
      <c r="H35" s="17"/>
      <c r="I35" s="13">
        <v>14177</v>
      </c>
      <c r="J35" s="14">
        <v>6243</v>
      </c>
      <c r="K35" s="14">
        <v>7934</v>
      </c>
    </row>
    <row r="36" spans="1:11" ht="15" customHeight="1">
      <c r="A36" s="17" t="s">
        <v>69</v>
      </c>
      <c r="B36" s="17"/>
      <c r="C36" s="13">
        <v>2199</v>
      </c>
      <c r="D36" s="19">
        <v>1083</v>
      </c>
      <c r="E36" s="19">
        <v>1116</v>
      </c>
      <c r="F36" s="19"/>
      <c r="G36" s="18" t="s">
        <v>70</v>
      </c>
      <c r="H36" s="17"/>
      <c r="I36" s="13">
        <v>2734</v>
      </c>
      <c r="J36" s="19">
        <v>1287</v>
      </c>
      <c r="K36" s="19">
        <v>1447</v>
      </c>
    </row>
    <row r="37" spans="1:11" ht="15" customHeight="1">
      <c r="A37" s="17" t="s">
        <v>71</v>
      </c>
      <c r="B37" s="17"/>
      <c r="C37" s="13">
        <v>2140</v>
      </c>
      <c r="D37" s="19">
        <v>1108</v>
      </c>
      <c r="E37" s="19">
        <v>1032</v>
      </c>
      <c r="F37" s="19"/>
      <c r="G37" s="18" t="s">
        <v>72</v>
      </c>
      <c r="H37" s="17"/>
      <c r="I37" s="13">
        <v>2381</v>
      </c>
      <c r="J37" s="19">
        <v>1104</v>
      </c>
      <c r="K37" s="19">
        <v>1277</v>
      </c>
    </row>
    <row r="38" spans="1:11" ht="15" customHeight="1">
      <c r="A38" s="17" t="s">
        <v>73</v>
      </c>
      <c r="B38" s="17"/>
      <c r="C38" s="13">
        <v>2258</v>
      </c>
      <c r="D38" s="19">
        <v>1120</v>
      </c>
      <c r="E38" s="19">
        <v>1138</v>
      </c>
      <c r="F38" s="19"/>
      <c r="G38" s="18" t="s">
        <v>74</v>
      </c>
      <c r="H38" s="17"/>
      <c r="I38" s="13">
        <v>2921</v>
      </c>
      <c r="J38" s="19">
        <v>1250</v>
      </c>
      <c r="K38" s="19">
        <v>1671</v>
      </c>
    </row>
    <row r="39" spans="1:11" ht="15" customHeight="1">
      <c r="A39" s="17" t="s">
        <v>75</v>
      </c>
      <c r="B39" s="17"/>
      <c r="C39" s="13">
        <v>2133</v>
      </c>
      <c r="D39" s="19">
        <v>1101</v>
      </c>
      <c r="E39" s="19">
        <v>1032</v>
      </c>
      <c r="F39" s="19"/>
      <c r="G39" s="18" t="s">
        <v>76</v>
      </c>
      <c r="H39" s="17"/>
      <c r="I39" s="13">
        <v>3182</v>
      </c>
      <c r="J39" s="19">
        <v>1350</v>
      </c>
      <c r="K39" s="19">
        <v>1832</v>
      </c>
    </row>
    <row r="40" spans="1:11" ht="15" customHeight="1">
      <c r="A40" s="17" t="s">
        <v>77</v>
      </c>
      <c r="B40" s="17"/>
      <c r="C40" s="13">
        <v>2050</v>
      </c>
      <c r="D40" s="19">
        <v>1036</v>
      </c>
      <c r="E40" s="19">
        <v>1014</v>
      </c>
      <c r="F40" s="19"/>
      <c r="G40" s="18" t="s">
        <v>78</v>
      </c>
      <c r="H40" s="17"/>
      <c r="I40" s="13">
        <v>2959</v>
      </c>
      <c r="J40" s="19">
        <v>1252</v>
      </c>
      <c r="K40" s="19">
        <v>1707</v>
      </c>
    </row>
    <row r="41" spans="1:11" ht="20.100000000000001" customHeight="1">
      <c r="A41" s="17" t="s">
        <v>79</v>
      </c>
      <c r="B41" s="17"/>
      <c r="C41" s="13">
        <v>10969</v>
      </c>
      <c r="D41" s="14">
        <v>5533</v>
      </c>
      <c r="E41" s="14">
        <v>5436</v>
      </c>
      <c r="F41" s="14"/>
      <c r="G41" s="18" t="s">
        <v>80</v>
      </c>
      <c r="H41" s="17"/>
      <c r="I41" s="13">
        <v>12973</v>
      </c>
      <c r="J41" s="14">
        <v>5494</v>
      </c>
      <c r="K41" s="14">
        <v>7479</v>
      </c>
    </row>
    <row r="42" spans="1:11" ht="15" customHeight="1">
      <c r="A42" s="17" t="s">
        <v>81</v>
      </c>
      <c r="B42" s="17"/>
      <c r="C42" s="13">
        <v>2104</v>
      </c>
      <c r="D42" s="19">
        <v>1065</v>
      </c>
      <c r="E42" s="19">
        <v>1039</v>
      </c>
      <c r="F42" s="19"/>
      <c r="G42" s="18" t="s">
        <v>82</v>
      </c>
      <c r="H42" s="17"/>
      <c r="I42" s="13">
        <v>3102</v>
      </c>
      <c r="J42" s="19">
        <v>1358</v>
      </c>
      <c r="K42" s="19">
        <v>1744</v>
      </c>
    </row>
    <row r="43" spans="1:11" ht="15" customHeight="1">
      <c r="A43" s="17" t="s">
        <v>83</v>
      </c>
      <c r="B43" s="17"/>
      <c r="C43" s="13">
        <v>2057</v>
      </c>
      <c r="D43" s="19">
        <v>1040</v>
      </c>
      <c r="E43" s="19">
        <v>1017</v>
      </c>
      <c r="F43" s="19"/>
      <c r="G43" s="18" t="s">
        <v>84</v>
      </c>
      <c r="H43" s="17"/>
      <c r="I43" s="13">
        <v>2829</v>
      </c>
      <c r="J43" s="19">
        <v>1148</v>
      </c>
      <c r="K43" s="19">
        <v>1681</v>
      </c>
    </row>
    <row r="44" spans="1:11" ht="15" customHeight="1">
      <c r="A44" s="17" t="s">
        <v>85</v>
      </c>
      <c r="B44" s="17"/>
      <c r="C44" s="13">
        <v>2108</v>
      </c>
      <c r="D44" s="19">
        <v>1058</v>
      </c>
      <c r="E44" s="19">
        <v>1050</v>
      </c>
      <c r="F44" s="19"/>
      <c r="G44" s="18" t="s">
        <v>86</v>
      </c>
      <c r="H44" s="17"/>
      <c r="I44" s="13">
        <v>2382</v>
      </c>
      <c r="J44" s="19">
        <v>1041</v>
      </c>
      <c r="K44" s="19">
        <v>1341</v>
      </c>
    </row>
    <row r="45" spans="1:11" ht="15" customHeight="1">
      <c r="A45" s="17" t="s">
        <v>87</v>
      </c>
      <c r="B45" s="17"/>
      <c r="C45" s="13">
        <v>2333</v>
      </c>
      <c r="D45" s="19">
        <v>1169</v>
      </c>
      <c r="E45" s="19">
        <v>1164</v>
      </c>
      <c r="F45" s="19"/>
      <c r="G45" s="18" t="s">
        <v>88</v>
      </c>
      <c r="H45" s="17"/>
      <c r="I45" s="13">
        <v>2268</v>
      </c>
      <c r="J45" s="19">
        <v>959</v>
      </c>
      <c r="K45" s="19">
        <v>1309</v>
      </c>
    </row>
    <row r="46" spans="1:11" ht="15" customHeight="1">
      <c r="A46" s="17" t="s">
        <v>89</v>
      </c>
      <c r="B46" s="17"/>
      <c r="C46" s="13">
        <v>2367</v>
      </c>
      <c r="D46" s="19">
        <v>1201</v>
      </c>
      <c r="E46" s="19">
        <v>1166</v>
      </c>
      <c r="F46" s="19"/>
      <c r="G46" s="18" t="s">
        <v>90</v>
      </c>
      <c r="H46" s="17"/>
      <c r="I46" s="13">
        <v>2392</v>
      </c>
      <c r="J46" s="19">
        <v>988</v>
      </c>
      <c r="K46" s="19">
        <v>1404</v>
      </c>
    </row>
    <row r="47" spans="1:11" ht="20.100000000000001" customHeight="1">
      <c r="A47" s="17" t="s">
        <v>91</v>
      </c>
      <c r="B47" s="17"/>
      <c r="C47" s="13">
        <v>12740</v>
      </c>
      <c r="D47" s="14">
        <v>6434</v>
      </c>
      <c r="E47" s="14">
        <v>6306</v>
      </c>
      <c r="F47" s="14"/>
      <c r="G47" s="18" t="s">
        <v>92</v>
      </c>
      <c r="H47" s="17"/>
      <c r="I47" s="13">
        <v>8560</v>
      </c>
      <c r="J47" s="14">
        <v>3236</v>
      </c>
      <c r="K47" s="14">
        <v>5324</v>
      </c>
    </row>
    <row r="48" spans="1:11" ht="15" customHeight="1">
      <c r="A48" s="17" t="s">
        <v>93</v>
      </c>
      <c r="B48" s="17"/>
      <c r="C48" s="13">
        <v>2260</v>
      </c>
      <c r="D48" s="19">
        <v>1170</v>
      </c>
      <c r="E48" s="19">
        <v>1090</v>
      </c>
      <c r="F48" s="19"/>
      <c r="G48" s="18" t="s">
        <v>94</v>
      </c>
      <c r="H48" s="17"/>
      <c r="I48" s="13">
        <v>2021</v>
      </c>
      <c r="J48" s="19">
        <v>815</v>
      </c>
      <c r="K48" s="19">
        <v>1206</v>
      </c>
    </row>
    <row r="49" spans="1:11" ht="15" customHeight="1">
      <c r="A49" s="17" t="s">
        <v>95</v>
      </c>
      <c r="B49" s="17"/>
      <c r="C49" s="13">
        <v>2495</v>
      </c>
      <c r="D49" s="19">
        <v>1255</v>
      </c>
      <c r="E49" s="19">
        <v>1240</v>
      </c>
      <c r="F49" s="19"/>
      <c r="G49" s="18" t="s">
        <v>96</v>
      </c>
      <c r="H49" s="17"/>
      <c r="I49" s="13">
        <v>2050</v>
      </c>
      <c r="J49" s="19">
        <v>765</v>
      </c>
      <c r="K49" s="19">
        <v>1285</v>
      </c>
    </row>
    <row r="50" spans="1:11" ht="15" customHeight="1">
      <c r="A50" s="17" t="s">
        <v>97</v>
      </c>
      <c r="B50" s="17"/>
      <c r="C50" s="13">
        <v>2643</v>
      </c>
      <c r="D50" s="19">
        <v>1345</v>
      </c>
      <c r="E50" s="19">
        <v>1298</v>
      </c>
      <c r="F50" s="19"/>
      <c r="G50" s="18" t="s">
        <v>98</v>
      </c>
      <c r="H50" s="17"/>
      <c r="I50" s="13">
        <v>1648</v>
      </c>
      <c r="J50" s="19">
        <v>633</v>
      </c>
      <c r="K50" s="19">
        <v>1015</v>
      </c>
    </row>
    <row r="51" spans="1:11" ht="15" customHeight="1">
      <c r="A51" s="17" t="s">
        <v>99</v>
      </c>
      <c r="B51" s="17"/>
      <c r="C51" s="13">
        <v>2655</v>
      </c>
      <c r="D51" s="19">
        <v>1299</v>
      </c>
      <c r="E51" s="19">
        <v>1356</v>
      </c>
      <c r="F51" s="19"/>
      <c r="G51" s="18" t="s">
        <v>100</v>
      </c>
      <c r="H51" s="17"/>
      <c r="I51" s="13">
        <v>1538</v>
      </c>
      <c r="J51" s="19">
        <v>573</v>
      </c>
      <c r="K51" s="19">
        <v>965</v>
      </c>
    </row>
    <row r="52" spans="1:11" ht="15" customHeight="1">
      <c r="A52" s="17" t="s">
        <v>101</v>
      </c>
      <c r="B52" s="17"/>
      <c r="C52" s="13">
        <v>2687</v>
      </c>
      <c r="D52" s="19">
        <v>1365</v>
      </c>
      <c r="E52" s="19">
        <v>1322</v>
      </c>
      <c r="F52" s="19"/>
      <c r="G52" s="18" t="s">
        <v>102</v>
      </c>
      <c r="H52" s="17"/>
      <c r="I52" s="13">
        <v>1303</v>
      </c>
      <c r="J52" s="19">
        <v>450</v>
      </c>
      <c r="K52" s="19">
        <v>853</v>
      </c>
    </row>
    <row r="53" spans="1:11" ht="20.100000000000001" customHeight="1">
      <c r="A53" s="17" t="s">
        <v>103</v>
      </c>
      <c r="B53" s="17"/>
      <c r="C53" s="13">
        <v>14847</v>
      </c>
      <c r="D53" s="14">
        <v>7498</v>
      </c>
      <c r="E53" s="14">
        <v>7349</v>
      </c>
      <c r="F53" s="14"/>
      <c r="G53" s="18" t="s">
        <v>104</v>
      </c>
      <c r="H53" s="17"/>
      <c r="I53" s="13">
        <v>3914</v>
      </c>
      <c r="J53" s="14">
        <v>1196</v>
      </c>
      <c r="K53" s="14">
        <v>2718</v>
      </c>
    </row>
    <row r="54" spans="1:11" ht="15" customHeight="1">
      <c r="A54" s="17" t="s">
        <v>105</v>
      </c>
      <c r="B54" s="17"/>
      <c r="C54" s="13">
        <v>2712</v>
      </c>
      <c r="D54" s="19">
        <v>1401</v>
      </c>
      <c r="E54" s="19">
        <v>1311</v>
      </c>
      <c r="F54" s="19"/>
      <c r="G54" s="18" t="s">
        <v>106</v>
      </c>
      <c r="H54" s="17"/>
      <c r="I54" s="13">
        <v>1126</v>
      </c>
      <c r="J54" s="19">
        <v>387</v>
      </c>
      <c r="K54" s="19">
        <v>739</v>
      </c>
    </row>
    <row r="55" spans="1:11" ht="15" customHeight="1">
      <c r="A55" s="17" t="s">
        <v>107</v>
      </c>
      <c r="B55" s="17"/>
      <c r="C55" s="13">
        <v>2878</v>
      </c>
      <c r="D55" s="19">
        <v>1434</v>
      </c>
      <c r="E55" s="19">
        <v>1444</v>
      </c>
      <c r="F55" s="19"/>
      <c r="G55" s="18" t="s">
        <v>108</v>
      </c>
      <c r="H55" s="17"/>
      <c r="I55" s="13">
        <v>960</v>
      </c>
      <c r="J55" s="19">
        <v>299</v>
      </c>
      <c r="K55" s="19">
        <v>661</v>
      </c>
    </row>
    <row r="56" spans="1:11" ht="15" customHeight="1">
      <c r="A56" s="17" t="s">
        <v>109</v>
      </c>
      <c r="B56" s="17"/>
      <c r="C56" s="13">
        <v>2948</v>
      </c>
      <c r="D56" s="19">
        <v>1507</v>
      </c>
      <c r="E56" s="19">
        <v>1441</v>
      </c>
      <c r="F56" s="19"/>
      <c r="G56" s="18" t="s">
        <v>110</v>
      </c>
      <c r="H56" s="17"/>
      <c r="I56" s="13">
        <v>754</v>
      </c>
      <c r="J56" s="19">
        <v>226</v>
      </c>
      <c r="K56" s="19">
        <v>528</v>
      </c>
    </row>
    <row r="57" spans="1:11" ht="15" customHeight="1">
      <c r="A57" s="17" t="s">
        <v>111</v>
      </c>
      <c r="B57" s="17"/>
      <c r="C57" s="13">
        <v>3003</v>
      </c>
      <c r="D57" s="19">
        <v>1489</v>
      </c>
      <c r="E57" s="19">
        <v>1514</v>
      </c>
      <c r="F57" s="19"/>
      <c r="G57" s="18" t="s">
        <v>112</v>
      </c>
      <c r="H57" s="17"/>
      <c r="I57" s="13">
        <v>622</v>
      </c>
      <c r="J57" s="19">
        <v>176</v>
      </c>
      <c r="K57" s="19">
        <v>446</v>
      </c>
    </row>
    <row r="58" spans="1:11" ht="15" customHeight="1">
      <c r="A58" s="17" t="s">
        <v>113</v>
      </c>
      <c r="B58" s="17"/>
      <c r="C58" s="13">
        <v>3306</v>
      </c>
      <c r="D58" s="19">
        <v>1667</v>
      </c>
      <c r="E58" s="19">
        <v>1639</v>
      </c>
      <c r="F58" s="19"/>
      <c r="G58" s="18" t="s">
        <v>114</v>
      </c>
      <c r="H58" s="17"/>
      <c r="I58" s="13">
        <v>452</v>
      </c>
      <c r="J58" s="19">
        <v>108</v>
      </c>
      <c r="K58" s="19">
        <v>344</v>
      </c>
    </row>
    <row r="59" spans="1:11" ht="20.100000000000001" customHeight="1">
      <c r="A59" s="17" t="s">
        <v>115</v>
      </c>
      <c r="B59" s="17"/>
      <c r="C59" s="13">
        <v>18604</v>
      </c>
      <c r="D59" s="14">
        <v>9386</v>
      </c>
      <c r="E59" s="14">
        <v>9218</v>
      </c>
      <c r="F59" s="14"/>
      <c r="G59" s="18" t="s">
        <v>116</v>
      </c>
      <c r="H59" s="17"/>
      <c r="I59" s="13">
        <v>1000</v>
      </c>
      <c r="J59" s="14">
        <v>222</v>
      </c>
      <c r="K59" s="14">
        <v>778</v>
      </c>
    </row>
    <row r="60" spans="1:11" ht="15" customHeight="1">
      <c r="A60" s="17" t="s">
        <v>117</v>
      </c>
      <c r="B60" s="17"/>
      <c r="C60" s="13">
        <v>3404</v>
      </c>
      <c r="D60" s="19">
        <v>1735</v>
      </c>
      <c r="E60" s="19">
        <v>1669</v>
      </c>
      <c r="F60" s="19"/>
      <c r="G60" s="18" t="s">
        <v>118</v>
      </c>
      <c r="H60" s="17"/>
      <c r="I60" s="13">
        <v>327</v>
      </c>
      <c r="J60" s="19">
        <v>84</v>
      </c>
      <c r="K60" s="19">
        <v>243</v>
      </c>
    </row>
    <row r="61" spans="1:11" ht="15" customHeight="1">
      <c r="A61" s="17" t="s">
        <v>119</v>
      </c>
      <c r="B61" s="17"/>
      <c r="C61" s="13">
        <v>3452</v>
      </c>
      <c r="D61" s="19">
        <v>1741</v>
      </c>
      <c r="E61" s="19">
        <v>1711</v>
      </c>
      <c r="F61" s="19"/>
      <c r="G61" s="18" t="s">
        <v>120</v>
      </c>
      <c r="H61" s="17"/>
      <c r="I61" s="13">
        <v>261</v>
      </c>
      <c r="J61" s="19">
        <v>59</v>
      </c>
      <c r="K61" s="19">
        <v>202</v>
      </c>
    </row>
    <row r="62" spans="1:11" ht="15" customHeight="1">
      <c r="A62" s="17" t="s">
        <v>121</v>
      </c>
      <c r="B62" s="17"/>
      <c r="C62" s="13">
        <v>3798</v>
      </c>
      <c r="D62" s="19">
        <v>1959</v>
      </c>
      <c r="E62" s="19">
        <v>1839</v>
      </c>
      <c r="F62" s="19"/>
      <c r="G62" s="18" t="s">
        <v>122</v>
      </c>
      <c r="H62" s="17"/>
      <c r="I62" s="13">
        <v>202</v>
      </c>
      <c r="J62" s="19">
        <v>35</v>
      </c>
      <c r="K62" s="19">
        <v>167</v>
      </c>
    </row>
    <row r="63" spans="1:11" ht="15" customHeight="1">
      <c r="A63" s="17" t="s">
        <v>123</v>
      </c>
      <c r="B63" s="17"/>
      <c r="C63" s="13">
        <v>4045</v>
      </c>
      <c r="D63" s="19">
        <v>1983</v>
      </c>
      <c r="E63" s="19">
        <v>2062</v>
      </c>
      <c r="F63" s="19"/>
      <c r="G63" s="18" t="s">
        <v>124</v>
      </c>
      <c r="H63" s="17"/>
      <c r="I63" s="13">
        <v>131</v>
      </c>
      <c r="J63" s="19">
        <v>27</v>
      </c>
      <c r="K63" s="19">
        <v>104</v>
      </c>
    </row>
    <row r="64" spans="1:11" ht="15" customHeight="1">
      <c r="A64" s="17" t="s">
        <v>125</v>
      </c>
      <c r="B64" s="17"/>
      <c r="C64" s="13">
        <v>3905</v>
      </c>
      <c r="D64" s="19">
        <v>1968</v>
      </c>
      <c r="E64" s="19">
        <v>1937</v>
      </c>
      <c r="F64" s="19"/>
      <c r="G64" s="18" t="s">
        <v>126</v>
      </c>
      <c r="H64" s="17"/>
      <c r="I64" s="13">
        <v>79</v>
      </c>
      <c r="J64" s="19">
        <v>17</v>
      </c>
      <c r="K64" s="19">
        <v>62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37</v>
      </c>
      <c r="J65" s="19">
        <v>22</v>
      </c>
      <c r="K65" s="19">
        <v>115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3709</v>
      </c>
      <c r="J66" s="27">
        <v>1474</v>
      </c>
      <c r="K66" s="27">
        <v>2235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6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83222</v>
      </c>
      <c r="D4" s="14">
        <v>90027</v>
      </c>
      <c r="E4" s="14">
        <v>9319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6879</v>
      </c>
      <c r="D5" s="14">
        <v>3520</v>
      </c>
      <c r="E5" s="14">
        <v>3359</v>
      </c>
      <c r="F5" s="14"/>
      <c r="G5" s="18" t="s">
        <v>8</v>
      </c>
      <c r="H5" s="17"/>
      <c r="I5" s="13">
        <v>15498</v>
      </c>
      <c r="J5" s="14">
        <v>7912</v>
      </c>
      <c r="K5" s="14">
        <v>7586</v>
      </c>
    </row>
    <row r="6" spans="1:11" ht="15" customHeight="1">
      <c r="A6" s="17" t="s">
        <v>9</v>
      </c>
      <c r="B6" s="17"/>
      <c r="C6" s="13">
        <v>1290</v>
      </c>
      <c r="D6" s="19">
        <v>669</v>
      </c>
      <c r="E6" s="19">
        <v>621</v>
      </c>
      <c r="F6" s="19"/>
      <c r="G6" s="18" t="s">
        <v>10</v>
      </c>
      <c r="H6" s="17"/>
      <c r="I6" s="13">
        <v>3186</v>
      </c>
      <c r="J6" s="19">
        <v>1574</v>
      </c>
      <c r="K6" s="19">
        <v>1612</v>
      </c>
    </row>
    <row r="7" spans="1:11" ht="15" customHeight="1">
      <c r="A7" s="17" t="s">
        <v>11</v>
      </c>
      <c r="B7" s="17"/>
      <c r="C7" s="13">
        <v>1339</v>
      </c>
      <c r="D7" s="19">
        <v>659</v>
      </c>
      <c r="E7" s="19">
        <v>680</v>
      </c>
      <c r="F7" s="19"/>
      <c r="G7" s="18" t="s">
        <v>12</v>
      </c>
      <c r="H7" s="17"/>
      <c r="I7" s="13">
        <v>3132</v>
      </c>
      <c r="J7" s="19">
        <v>1595</v>
      </c>
      <c r="K7" s="19">
        <v>1537</v>
      </c>
    </row>
    <row r="8" spans="1:11" ht="15" customHeight="1">
      <c r="A8" s="17" t="s">
        <v>13</v>
      </c>
      <c r="B8" s="17"/>
      <c r="C8" s="13">
        <v>1382</v>
      </c>
      <c r="D8" s="19">
        <v>735</v>
      </c>
      <c r="E8" s="19">
        <v>647</v>
      </c>
      <c r="F8" s="19"/>
      <c r="G8" s="18" t="s">
        <v>14</v>
      </c>
      <c r="H8" s="17"/>
      <c r="I8" s="13">
        <v>3103</v>
      </c>
      <c r="J8" s="19">
        <v>1639</v>
      </c>
      <c r="K8" s="19">
        <v>1464</v>
      </c>
    </row>
    <row r="9" spans="1:11" ht="15" customHeight="1">
      <c r="A9" s="17" t="s">
        <v>15</v>
      </c>
      <c r="B9" s="17"/>
      <c r="C9" s="13">
        <v>1461</v>
      </c>
      <c r="D9" s="19">
        <v>759</v>
      </c>
      <c r="E9" s="19">
        <v>702</v>
      </c>
      <c r="F9" s="19"/>
      <c r="G9" s="18" t="s">
        <v>16</v>
      </c>
      <c r="H9" s="17"/>
      <c r="I9" s="13">
        <v>2973</v>
      </c>
      <c r="J9" s="19">
        <v>1542</v>
      </c>
      <c r="K9" s="19">
        <v>1431</v>
      </c>
    </row>
    <row r="10" spans="1:11" ht="15" customHeight="1">
      <c r="A10" s="17" t="s">
        <v>17</v>
      </c>
      <c r="B10" s="17"/>
      <c r="C10" s="13">
        <v>1407</v>
      </c>
      <c r="D10" s="19">
        <v>698</v>
      </c>
      <c r="E10" s="19">
        <v>709</v>
      </c>
      <c r="F10" s="19"/>
      <c r="G10" s="18" t="s">
        <v>18</v>
      </c>
      <c r="H10" s="17"/>
      <c r="I10" s="13">
        <v>3104</v>
      </c>
      <c r="J10" s="19">
        <v>1562</v>
      </c>
      <c r="K10" s="19">
        <v>1542</v>
      </c>
    </row>
    <row r="11" spans="1:11" ht="20.100000000000001" customHeight="1">
      <c r="A11" s="17" t="s">
        <v>19</v>
      </c>
      <c r="B11" s="17"/>
      <c r="C11" s="13">
        <v>7665</v>
      </c>
      <c r="D11" s="14">
        <v>3919</v>
      </c>
      <c r="E11" s="14">
        <v>3746</v>
      </c>
      <c r="F11" s="14"/>
      <c r="G11" s="18" t="s">
        <v>20</v>
      </c>
      <c r="H11" s="17"/>
      <c r="I11" s="13">
        <v>12122</v>
      </c>
      <c r="J11" s="14">
        <v>6204</v>
      </c>
      <c r="K11" s="14">
        <v>5918</v>
      </c>
    </row>
    <row r="12" spans="1:11" ht="15" customHeight="1">
      <c r="A12" s="17" t="s">
        <v>21</v>
      </c>
      <c r="B12" s="17"/>
      <c r="C12" s="13">
        <v>1527</v>
      </c>
      <c r="D12" s="19">
        <v>771</v>
      </c>
      <c r="E12" s="19">
        <v>756</v>
      </c>
      <c r="F12" s="19"/>
      <c r="G12" s="18" t="s">
        <v>22</v>
      </c>
      <c r="H12" s="17"/>
      <c r="I12" s="13">
        <v>2212</v>
      </c>
      <c r="J12" s="19">
        <v>1151</v>
      </c>
      <c r="K12" s="19">
        <v>1061</v>
      </c>
    </row>
    <row r="13" spans="1:11" ht="15" customHeight="1">
      <c r="A13" s="17" t="s">
        <v>23</v>
      </c>
      <c r="B13" s="17"/>
      <c r="C13" s="13">
        <v>1489</v>
      </c>
      <c r="D13" s="19">
        <v>776</v>
      </c>
      <c r="E13" s="19">
        <v>713</v>
      </c>
      <c r="F13" s="19"/>
      <c r="G13" s="18" t="s">
        <v>24</v>
      </c>
      <c r="H13" s="17"/>
      <c r="I13" s="13">
        <v>2828</v>
      </c>
      <c r="J13" s="19">
        <v>1421</v>
      </c>
      <c r="K13" s="19">
        <v>1407</v>
      </c>
    </row>
    <row r="14" spans="1:11" ht="15" customHeight="1">
      <c r="A14" s="17" t="s">
        <v>25</v>
      </c>
      <c r="B14" s="17"/>
      <c r="C14" s="13">
        <v>1507</v>
      </c>
      <c r="D14" s="19">
        <v>765</v>
      </c>
      <c r="E14" s="19">
        <v>742</v>
      </c>
      <c r="F14" s="19"/>
      <c r="G14" s="18" t="s">
        <v>26</v>
      </c>
      <c r="H14" s="17"/>
      <c r="I14" s="13">
        <v>2493</v>
      </c>
      <c r="J14" s="19">
        <v>1293</v>
      </c>
      <c r="K14" s="19">
        <v>1200</v>
      </c>
    </row>
    <row r="15" spans="1:11" ht="15" customHeight="1">
      <c r="A15" s="17" t="s">
        <v>27</v>
      </c>
      <c r="B15" s="17"/>
      <c r="C15" s="13">
        <v>1526</v>
      </c>
      <c r="D15" s="19">
        <v>793</v>
      </c>
      <c r="E15" s="19">
        <v>733</v>
      </c>
      <c r="F15" s="19"/>
      <c r="G15" s="18" t="s">
        <v>28</v>
      </c>
      <c r="H15" s="17"/>
      <c r="I15" s="13">
        <v>2426</v>
      </c>
      <c r="J15" s="19">
        <v>1252</v>
      </c>
      <c r="K15" s="19">
        <v>1174</v>
      </c>
    </row>
    <row r="16" spans="1:11" ht="15" customHeight="1">
      <c r="A16" s="17" t="s">
        <v>29</v>
      </c>
      <c r="B16" s="17"/>
      <c r="C16" s="13">
        <v>1616</v>
      </c>
      <c r="D16" s="19">
        <v>814</v>
      </c>
      <c r="E16" s="19">
        <v>802</v>
      </c>
      <c r="F16" s="19"/>
      <c r="G16" s="18" t="s">
        <v>30</v>
      </c>
      <c r="H16" s="17"/>
      <c r="I16" s="13">
        <v>2163</v>
      </c>
      <c r="J16" s="19">
        <v>1087</v>
      </c>
      <c r="K16" s="19">
        <v>1076</v>
      </c>
    </row>
    <row r="17" spans="1:11" ht="20.100000000000001" customHeight="1">
      <c r="A17" s="20" t="s">
        <v>31</v>
      </c>
      <c r="B17" s="20"/>
      <c r="C17" s="13">
        <v>8234</v>
      </c>
      <c r="D17" s="14">
        <v>4313</v>
      </c>
      <c r="E17" s="14">
        <v>3921</v>
      </c>
      <c r="F17" s="14"/>
      <c r="G17" s="18" t="s">
        <v>32</v>
      </c>
      <c r="H17" s="17"/>
      <c r="I17" s="13">
        <v>9677</v>
      </c>
      <c r="J17" s="14">
        <v>4836</v>
      </c>
      <c r="K17" s="14">
        <v>4841</v>
      </c>
    </row>
    <row r="18" spans="1:11" ht="15" customHeight="1">
      <c r="A18" s="17" t="s">
        <v>33</v>
      </c>
      <c r="B18" s="17"/>
      <c r="C18" s="13">
        <v>1585</v>
      </c>
      <c r="D18" s="19">
        <v>816</v>
      </c>
      <c r="E18" s="19">
        <v>769</v>
      </c>
      <c r="F18" s="19"/>
      <c r="G18" s="18" t="s">
        <v>34</v>
      </c>
      <c r="H18" s="17"/>
      <c r="I18" s="13">
        <v>2031</v>
      </c>
      <c r="J18" s="19">
        <v>1026</v>
      </c>
      <c r="K18" s="19">
        <v>1005</v>
      </c>
    </row>
    <row r="19" spans="1:11" ht="15" customHeight="1">
      <c r="A19" s="17" t="s">
        <v>35</v>
      </c>
      <c r="B19" s="17"/>
      <c r="C19" s="13">
        <v>1659</v>
      </c>
      <c r="D19" s="19">
        <v>868</v>
      </c>
      <c r="E19" s="19">
        <v>791</v>
      </c>
      <c r="F19" s="19"/>
      <c r="G19" s="18" t="s">
        <v>36</v>
      </c>
      <c r="H19" s="17"/>
      <c r="I19" s="13">
        <v>2084</v>
      </c>
      <c r="J19" s="19">
        <v>1024</v>
      </c>
      <c r="K19" s="19">
        <v>1060</v>
      </c>
    </row>
    <row r="20" spans="1:11" ht="15" customHeight="1">
      <c r="A20" s="17" t="s">
        <v>37</v>
      </c>
      <c r="B20" s="17"/>
      <c r="C20" s="13">
        <v>1676</v>
      </c>
      <c r="D20" s="19">
        <v>848</v>
      </c>
      <c r="E20" s="19">
        <v>828</v>
      </c>
      <c r="F20" s="19"/>
      <c r="G20" s="18" t="s">
        <v>38</v>
      </c>
      <c r="H20" s="17"/>
      <c r="I20" s="13">
        <v>1889</v>
      </c>
      <c r="J20" s="19">
        <v>958</v>
      </c>
      <c r="K20" s="19">
        <v>931</v>
      </c>
    </row>
    <row r="21" spans="1:11" ht="15" customHeight="1">
      <c r="A21" s="17" t="s">
        <v>39</v>
      </c>
      <c r="B21" s="17"/>
      <c r="C21" s="13">
        <v>1629</v>
      </c>
      <c r="D21" s="19">
        <v>890</v>
      </c>
      <c r="E21" s="19">
        <v>739</v>
      </c>
      <c r="F21" s="19"/>
      <c r="G21" s="18" t="s">
        <v>40</v>
      </c>
      <c r="H21" s="17"/>
      <c r="I21" s="13">
        <v>1946</v>
      </c>
      <c r="J21" s="19">
        <v>1005</v>
      </c>
      <c r="K21" s="19">
        <v>941</v>
      </c>
    </row>
    <row r="22" spans="1:11" ht="15" customHeight="1">
      <c r="A22" s="17" t="s">
        <v>41</v>
      </c>
      <c r="B22" s="17"/>
      <c r="C22" s="13">
        <v>1685</v>
      </c>
      <c r="D22" s="19">
        <v>891</v>
      </c>
      <c r="E22" s="19">
        <v>794</v>
      </c>
      <c r="F22" s="19"/>
      <c r="G22" s="18" t="s">
        <v>42</v>
      </c>
      <c r="H22" s="17"/>
      <c r="I22" s="13">
        <v>1727</v>
      </c>
      <c r="J22" s="19">
        <v>823</v>
      </c>
      <c r="K22" s="19">
        <v>904</v>
      </c>
    </row>
    <row r="23" spans="1:11" ht="20.100000000000001" customHeight="1">
      <c r="A23" s="17" t="s">
        <v>43</v>
      </c>
      <c r="B23" s="17"/>
      <c r="C23" s="13">
        <v>8633</v>
      </c>
      <c r="D23" s="14">
        <v>4356</v>
      </c>
      <c r="E23" s="14">
        <v>4277</v>
      </c>
      <c r="F23" s="14"/>
      <c r="G23" s="18" t="s">
        <v>44</v>
      </c>
      <c r="H23" s="17"/>
      <c r="I23" s="13">
        <v>9170</v>
      </c>
      <c r="J23" s="14">
        <v>4427</v>
      </c>
      <c r="K23" s="14">
        <v>4743</v>
      </c>
    </row>
    <row r="24" spans="1:11" ht="15" customHeight="1">
      <c r="A24" s="17" t="s">
        <v>45</v>
      </c>
      <c r="B24" s="17"/>
      <c r="C24" s="13">
        <v>1716</v>
      </c>
      <c r="D24" s="19">
        <v>870</v>
      </c>
      <c r="E24" s="19">
        <v>846</v>
      </c>
      <c r="F24" s="19"/>
      <c r="G24" s="18" t="s">
        <v>46</v>
      </c>
      <c r="H24" s="17"/>
      <c r="I24" s="13">
        <v>1789</v>
      </c>
      <c r="J24" s="19">
        <v>877</v>
      </c>
      <c r="K24" s="19">
        <v>912</v>
      </c>
    </row>
    <row r="25" spans="1:11" ht="15" customHeight="1">
      <c r="A25" s="17" t="s">
        <v>47</v>
      </c>
      <c r="B25" s="17"/>
      <c r="C25" s="13">
        <v>1621</v>
      </c>
      <c r="D25" s="19">
        <v>843</v>
      </c>
      <c r="E25" s="19">
        <v>778</v>
      </c>
      <c r="F25" s="19"/>
      <c r="G25" s="18" t="s">
        <v>48</v>
      </c>
      <c r="H25" s="17"/>
      <c r="I25" s="13">
        <v>1780</v>
      </c>
      <c r="J25" s="19">
        <v>886</v>
      </c>
      <c r="K25" s="19">
        <v>894</v>
      </c>
    </row>
    <row r="26" spans="1:11" ht="15" customHeight="1">
      <c r="A26" s="17" t="s">
        <v>49</v>
      </c>
      <c r="B26" s="17"/>
      <c r="C26" s="13">
        <v>1730</v>
      </c>
      <c r="D26" s="19">
        <v>823</v>
      </c>
      <c r="E26" s="19">
        <v>907</v>
      </c>
      <c r="F26" s="19"/>
      <c r="G26" s="18" t="s">
        <v>50</v>
      </c>
      <c r="H26" s="17"/>
      <c r="I26" s="13">
        <v>1820</v>
      </c>
      <c r="J26" s="19">
        <v>901</v>
      </c>
      <c r="K26" s="19">
        <v>919</v>
      </c>
    </row>
    <row r="27" spans="1:11" ht="15" customHeight="1">
      <c r="A27" s="17" t="s">
        <v>51</v>
      </c>
      <c r="B27" s="17"/>
      <c r="C27" s="13">
        <v>1740</v>
      </c>
      <c r="D27" s="19">
        <v>896</v>
      </c>
      <c r="E27" s="19">
        <v>844</v>
      </c>
      <c r="F27" s="19"/>
      <c r="G27" s="18" t="s">
        <v>52</v>
      </c>
      <c r="H27" s="17"/>
      <c r="I27" s="13">
        <v>1853</v>
      </c>
      <c r="J27" s="19">
        <v>858</v>
      </c>
      <c r="K27" s="19">
        <v>995</v>
      </c>
    </row>
    <row r="28" spans="1:11" ht="15" customHeight="1">
      <c r="A28" s="17" t="s">
        <v>53</v>
      </c>
      <c r="B28" s="17"/>
      <c r="C28" s="13">
        <v>1826</v>
      </c>
      <c r="D28" s="19">
        <v>924</v>
      </c>
      <c r="E28" s="19">
        <v>902</v>
      </c>
      <c r="F28" s="19"/>
      <c r="G28" s="18" t="s">
        <v>54</v>
      </c>
      <c r="H28" s="17"/>
      <c r="I28" s="13">
        <v>1928</v>
      </c>
      <c r="J28" s="19">
        <v>905</v>
      </c>
      <c r="K28" s="19">
        <v>1023</v>
      </c>
    </row>
    <row r="29" spans="1:11" ht="20.100000000000001" customHeight="1">
      <c r="A29" s="17" t="s">
        <v>55</v>
      </c>
      <c r="B29" s="17"/>
      <c r="C29" s="13">
        <v>9837</v>
      </c>
      <c r="D29" s="14">
        <v>4821</v>
      </c>
      <c r="E29" s="14">
        <v>5016</v>
      </c>
      <c r="F29" s="14"/>
      <c r="G29" s="18" t="s">
        <v>56</v>
      </c>
      <c r="H29" s="17"/>
      <c r="I29" s="13">
        <v>11457</v>
      </c>
      <c r="J29" s="14">
        <v>5364</v>
      </c>
      <c r="K29" s="14">
        <v>6093</v>
      </c>
    </row>
    <row r="30" spans="1:11" ht="15" customHeight="1">
      <c r="A30" s="17" t="s">
        <v>57</v>
      </c>
      <c r="B30" s="17"/>
      <c r="C30" s="13">
        <v>1912</v>
      </c>
      <c r="D30" s="19">
        <v>964</v>
      </c>
      <c r="E30" s="19">
        <v>948</v>
      </c>
      <c r="F30" s="19"/>
      <c r="G30" s="18" t="s">
        <v>58</v>
      </c>
      <c r="H30" s="17"/>
      <c r="I30" s="13">
        <v>1995</v>
      </c>
      <c r="J30" s="19">
        <v>995</v>
      </c>
      <c r="K30" s="19">
        <v>1000</v>
      </c>
    </row>
    <row r="31" spans="1:11" ht="15" customHeight="1">
      <c r="A31" s="17" t="s">
        <v>59</v>
      </c>
      <c r="B31" s="17"/>
      <c r="C31" s="13">
        <v>1943</v>
      </c>
      <c r="D31" s="19">
        <v>978</v>
      </c>
      <c r="E31" s="19">
        <v>965</v>
      </c>
      <c r="F31" s="19"/>
      <c r="G31" s="18" t="s">
        <v>60</v>
      </c>
      <c r="H31" s="17"/>
      <c r="I31" s="13">
        <v>2165</v>
      </c>
      <c r="J31" s="19">
        <v>1025</v>
      </c>
      <c r="K31" s="19">
        <v>1140</v>
      </c>
    </row>
    <row r="32" spans="1:11" ht="15" customHeight="1">
      <c r="A32" s="17" t="s">
        <v>61</v>
      </c>
      <c r="B32" s="17"/>
      <c r="C32" s="13">
        <v>2008</v>
      </c>
      <c r="D32" s="19">
        <v>942</v>
      </c>
      <c r="E32" s="19">
        <v>1066</v>
      </c>
      <c r="F32" s="19"/>
      <c r="G32" s="18" t="s">
        <v>62</v>
      </c>
      <c r="H32" s="17"/>
      <c r="I32" s="13">
        <v>2455</v>
      </c>
      <c r="J32" s="19">
        <v>1133</v>
      </c>
      <c r="K32" s="19">
        <v>1322</v>
      </c>
    </row>
    <row r="33" spans="1:11" ht="15" customHeight="1">
      <c r="A33" s="17" t="s">
        <v>63</v>
      </c>
      <c r="B33" s="17"/>
      <c r="C33" s="13">
        <v>2071</v>
      </c>
      <c r="D33" s="19">
        <v>1019</v>
      </c>
      <c r="E33" s="19">
        <v>1052</v>
      </c>
      <c r="F33" s="19"/>
      <c r="G33" s="18" t="s">
        <v>64</v>
      </c>
      <c r="H33" s="17"/>
      <c r="I33" s="13">
        <v>2443</v>
      </c>
      <c r="J33" s="19">
        <v>1128</v>
      </c>
      <c r="K33" s="19">
        <v>1315</v>
      </c>
    </row>
    <row r="34" spans="1:11" ht="15" customHeight="1">
      <c r="A34" s="17" t="s">
        <v>65</v>
      </c>
      <c r="B34" s="17"/>
      <c r="C34" s="13">
        <v>1903</v>
      </c>
      <c r="D34" s="19">
        <v>918</v>
      </c>
      <c r="E34" s="19">
        <v>985</v>
      </c>
      <c r="F34" s="19"/>
      <c r="G34" s="18" t="s">
        <v>66</v>
      </c>
      <c r="H34" s="17"/>
      <c r="I34" s="13">
        <v>2399</v>
      </c>
      <c r="J34" s="19">
        <v>1083</v>
      </c>
      <c r="K34" s="19">
        <v>1316</v>
      </c>
    </row>
    <row r="35" spans="1:11" ht="20.100000000000001" customHeight="1">
      <c r="A35" s="17" t="s">
        <v>67</v>
      </c>
      <c r="B35" s="17"/>
      <c r="C35" s="13">
        <v>9258</v>
      </c>
      <c r="D35" s="14">
        <v>4559</v>
      </c>
      <c r="E35" s="14">
        <v>4699</v>
      </c>
      <c r="F35" s="14"/>
      <c r="G35" s="18" t="s">
        <v>68</v>
      </c>
      <c r="H35" s="17"/>
      <c r="I35" s="13">
        <v>9029</v>
      </c>
      <c r="J35" s="14">
        <v>4037</v>
      </c>
      <c r="K35" s="14">
        <v>4992</v>
      </c>
    </row>
    <row r="36" spans="1:11" ht="15" customHeight="1">
      <c r="A36" s="17" t="s">
        <v>69</v>
      </c>
      <c r="B36" s="17"/>
      <c r="C36" s="13">
        <v>1920</v>
      </c>
      <c r="D36" s="19">
        <v>942</v>
      </c>
      <c r="E36" s="19">
        <v>978</v>
      </c>
      <c r="F36" s="19"/>
      <c r="G36" s="18" t="s">
        <v>70</v>
      </c>
      <c r="H36" s="17"/>
      <c r="I36" s="13">
        <v>1726</v>
      </c>
      <c r="J36" s="19">
        <v>804</v>
      </c>
      <c r="K36" s="19">
        <v>922</v>
      </c>
    </row>
    <row r="37" spans="1:11" ht="15" customHeight="1">
      <c r="A37" s="17" t="s">
        <v>71</v>
      </c>
      <c r="B37" s="17"/>
      <c r="C37" s="13">
        <v>1806</v>
      </c>
      <c r="D37" s="19">
        <v>896</v>
      </c>
      <c r="E37" s="19">
        <v>910</v>
      </c>
      <c r="F37" s="19"/>
      <c r="G37" s="18" t="s">
        <v>72</v>
      </c>
      <c r="H37" s="17"/>
      <c r="I37" s="13">
        <v>1594</v>
      </c>
      <c r="J37" s="19">
        <v>722</v>
      </c>
      <c r="K37" s="19">
        <v>872</v>
      </c>
    </row>
    <row r="38" spans="1:11" ht="15" customHeight="1">
      <c r="A38" s="17" t="s">
        <v>73</v>
      </c>
      <c r="B38" s="17"/>
      <c r="C38" s="13">
        <v>1906</v>
      </c>
      <c r="D38" s="19">
        <v>903</v>
      </c>
      <c r="E38" s="19">
        <v>1003</v>
      </c>
      <c r="F38" s="19"/>
      <c r="G38" s="18" t="s">
        <v>74</v>
      </c>
      <c r="H38" s="17"/>
      <c r="I38" s="13">
        <v>1829</v>
      </c>
      <c r="J38" s="19">
        <v>790</v>
      </c>
      <c r="K38" s="19">
        <v>1039</v>
      </c>
    </row>
    <row r="39" spans="1:11" ht="15" customHeight="1">
      <c r="A39" s="17" t="s">
        <v>75</v>
      </c>
      <c r="B39" s="17"/>
      <c r="C39" s="13">
        <v>1831</v>
      </c>
      <c r="D39" s="19">
        <v>939</v>
      </c>
      <c r="E39" s="19">
        <v>892</v>
      </c>
      <c r="F39" s="19"/>
      <c r="G39" s="18" t="s">
        <v>76</v>
      </c>
      <c r="H39" s="17"/>
      <c r="I39" s="13">
        <v>2004</v>
      </c>
      <c r="J39" s="19">
        <v>888</v>
      </c>
      <c r="K39" s="19">
        <v>1116</v>
      </c>
    </row>
    <row r="40" spans="1:11" ht="15" customHeight="1">
      <c r="A40" s="17" t="s">
        <v>77</v>
      </c>
      <c r="B40" s="17"/>
      <c r="C40" s="13">
        <v>1795</v>
      </c>
      <c r="D40" s="19">
        <v>879</v>
      </c>
      <c r="E40" s="19">
        <v>916</v>
      </c>
      <c r="F40" s="19"/>
      <c r="G40" s="18" t="s">
        <v>78</v>
      </c>
      <c r="H40" s="17"/>
      <c r="I40" s="13">
        <v>1876</v>
      </c>
      <c r="J40" s="19">
        <v>833</v>
      </c>
      <c r="K40" s="19">
        <v>1043</v>
      </c>
    </row>
    <row r="41" spans="1:11" ht="20.100000000000001" customHeight="1">
      <c r="A41" s="17" t="s">
        <v>79</v>
      </c>
      <c r="B41" s="17"/>
      <c r="C41" s="13">
        <v>9512</v>
      </c>
      <c r="D41" s="14">
        <v>4891</v>
      </c>
      <c r="E41" s="14">
        <v>4621</v>
      </c>
      <c r="F41" s="14"/>
      <c r="G41" s="18" t="s">
        <v>80</v>
      </c>
      <c r="H41" s="17"/>
      <c r="I41" s="13">
        <v>7427</v>
      </c>
      <c r="J41" s="14">
        <v>3229</v>
      </c>
      <c r="K41" s="14">
        <v>4198</v>
      </c>
    </row>
    <row r="42" spans="1:11" ht="15" customHeight="1">
      <c r="A42" s="17" t="s">
        <v>81</v>
      </c>
      <c r="B42" s="17"/>
      <c r="C42" s="13">
        <v>1859</v>
      </c>
      <c r="D42" s="19">
        <v>952</v>
      </c>
      <c r="E42" s="19">
        <v>907</v>
      </c>
      <c r="F42" s="19"/>
      <c r="G42" s="18" t="s">
        <v>82</v>
      </c>
      <c r="H42" s="17"/>
      <c r="I42" s="13">
        <v>1792</v>
      </c>
      <c r="J42" s="19">
        <v>776</v>
      </c>
      <c r="K42" s="19">
        <v>1016</v>
      </c>
    </row>
    <row r="43" spans="1:11" ht="15" customHeight="1">
      <c r="A43" s="17" t="s">
        <v>83</v>
      </c>
      <c r="B43" s="17"/>
      <c r="C43" s="13">
        <v>1857</v>
      </c>
      <c r="D43" s="19">
        <v>933</v>
      </c>
      <c r="E43" s="19">
        <v>924</v>
      </c>
      <c r="F43" s="19"/>
      <c r="G43" s="18" t="s">
        <v>84</v>
      </c>
      <c r="H43" s="17"/>
      <c r="I43" s="13">
        <v>1576</v>
      </c>
      <c r="J43" s="19">
        <v>697</v>
      </c>
      <c r="K43" s="19">
        <v>879</v>
      </c>
    </row>
    <row r="44" spans="1:11" ht="15" customHeight="1">
      <c r="A44" s="17" t="s">
        <v>85</v>
      </c>
      <c r="B44" s="17"/>
      <c r="C44" s="13">
        <v>1851</v>
      </c>
      <c r="D44" s="19">
        <v>956</v>
      </c>
      <c r="E44" s="19">
        <v>895</v>
      </c>
      <c r="F44" s="19"/>
      <c r="G44" s="18" t="s">
        <v>86</v>
      </c>
      <c r="H44" s="17"/>
      <c r="I44" s="13">
        <v>1390</v>
      </c>
      <c r="J44" s="19">
        <v>617</v>
      </c>
      <c r="K44" s="19">
        <v>773</v>
      </c>
    </row>
    <row r="45" spans="1:11" ht="15" customHeight="1">
      <c r="A45" s="17" t="s">
        <v>87</v>
      </c>
      <c r="B45" s="17"/>
      <c r="C45" s="13">
        <v>2012</v>
      </c>
      <c r="D45" s="19">
        <v>1054</v>
      </c>
      <c r="E45" s="19">
        <v>958</v>
      </c>
      <c r="F45" s="19"/>
      <c r="G45" s="18" t="s">
        <v>88</v>
      </c>
      <c r="H45" s="17"/>
      <c r="I45" s="13">
        <v>1307</v>
      </c>
      <c r="J45" s="19">
        <v>548</v>
      </c>
      <c r="K45" s="19">
        <v>759</v>
      </c>
    </row>
    <row r="46" spans="1:11" ht="15" customHeight="1">
      <c r="A46" s="17" t="s">
        <v>89</v>
      </c>
      <c r="B46" s="17"/>
      <c r="C46" s="13">
        <v>1933</v>
      </c>
      <c r="D46" s="19">
        <v>996</v>
      </c>
      <c r="E46" s="19">
        <v>937</v>
      </c>
      <c r="F46" s="19"/>
      <c r="G46" s="18" t="s">
        <v>90</v>
      </c>
      <c r="H46" s="17"/>
      <c r="I46" s="13">
        <v>1362</v>
      </c>
      <c r="J46" s="19">
        <v>591</v>
      </c>
      <c r="K46" s="19">
        <v>771</v>
      </c>
    </row>
    <row r="47" spans="1:11" ht="20.100000000000001" customHeight="1">
      <c r="A47" s="17" t="s">
        <v>91</v>
      </c>
      <c r="B47" s="17"/>
      <c r="C47" s="13">
        <v>10770</v>
      </c>
      <c r="D47" s="14">
        <v>5402</v>
      </c>
      <c r="E47" s="14">
        <v>5368</v>
      </c>
      <c r="F47" s="14"/>
      <c r="G47" s="18" t="s">
        <v>92</v>
      </c>
      <c r="H47" s="17"/>
      <c r="I47" s="13">
        <v>5098</v>
      </c>
      <c r="J47" s="14">
        <v>1918</v>
      </c>
      <c r="K47" s="14">
        <v>3180</v>
      </c>
    </row>
    <row r="48" spans="1:11" ht="15" customHeight="1">
      <c r="A48" s="17" t="s">
        <v>93</v>
      </c>
      <c r="B48" s="17"/>
      <c r="C48" s="13">
        <v>2020</v>
      </c>
      <c r="D48" s="19">
        <v>988</v>
      </c>
      <c r="E48" s="19">
        <v>1032</v>
      </c>
      <c r="F48" s="19"/>
      <c r="G48" s="18" t="s">
        <v>94</v>
      </c>
      <c r="H48" s="17"/>
      <c r="I48" s="13">
        <v>1244</v>
      </c>
      <c r="J48" s="19">
        <v>518</v>
      </c>
      <c r="K48" s="19">
        <v>726</v>
      </c>
    </row>
    <row r="49" spans="1:11" ht="15" customHeight="1">
      <c r="A49" s="17" t="s">
        <v>95</v>
      </c>
      <c r="B49" s="17"/>
      <c r="C49" s="13">
        <v>2082</v>
      </c>
      <c r="D49" s="19">
        <v>1028</v>
      </c>
      <c r="E49" s="19">
        <v>1054</v>
      </c>
      <c r="F49" s="19"/>
      <c r="G49" s="18" t="s">
        <v>96</v>
      </c>
      <c r="H49" s="17"/>
      <c r="I49" s="13">
        <v>1169</v>
      </c>
      <c r="J49" s="19">
        <v>436</v>
      </c>
      <c r="K49" s="19">
        <v>733</v>
      </c>
    </row>
    <row r="50" spans="1:11" ht="15" customHeight="1">
      <c r="A50" s="17" t="s">
        <v>97</v>
      </c>
      <c r="B50" s="17"/>
      <c r="C50" s="13">
        <v>2212</v>
      </c>
      <c r="D50" s="19">
        <v>1124</v>
      </c>
      <c r="E50" s="19">
        <v>1088</v>
      </c>
      <c r="F50" s="19"/>
      <c r="G50" s="18" t="s">
        <v>98</v>
      </c>
      <c r="H50" s="17"/>
      <c r="I50" s="13">
        <v>1008</v>
      </c>
      <c r="J50" s="19">
        <v>350</v>
      </c>
      <c r="K50" s="19">
        <v>658</v>
      </c>
    </row>
    <row r="51" spans="1:11" ht="15" customHeight="1">
      <c r="A51" s="17" t="s">
        <v>99</v>
      </c>
      <c r="B51" s="17"/>
      <c r="C51" s="13">
        <v>2215</v>
      </c>
      <c r="D51" s="19">
        <v>1094</v>
      </c>
      <c r="E51" s="19">
        <v>1121</v>
      </c>
      <c r="F51" s="19"/>
      <c r="G51" s="18" t="s">
        <v>100</v>
      </c>
      <c r="H51" s="17"/>
      <c r="I51" s="13">
        <v>889</v>
      </c>
      <c r="J51" s="19">
        <v>341</v>
      </c>
      <c r="K51" s="19">
        <v>548</v>
      </c>
    </row>
    <row r="52" spans="1:11" ht="15" customHeight="1">
      <c r="A52" s="17" t="s">
        <v>101</v>
      </c>
      <c r="B52" s="17"/>
      <c r="C52" s="13">
        <v>2241</v>
      </c>
      <c r="D52" s="19">
        <v>1168</v>
      </c>
      <c r="E52" s="19">
        <v>1073</v>
      </c>
      <c r="F52" s="19"/>
      <c r="G52" s="18" t="s">
        <v>102</v>
      </c>
      <c r="H52" s="17"/>
      <c r="I52" s="13">
        <v>788</v>
      </c>
      <c r="J52" s="19">
        <v>273</v>
      </c>
      <c r="K52" s="19">
        <v>515</v>
      </c>
    </row>
    <row r="53" spans="1:11" ht="20.100000000000001" customHeight="1">
      <c r="A53" s="17" t="s">
        <v>103</v>
      </c>
      <c r="B53" s="17"/>
      <c r="C53" s="13">
        <v>12017</v>
      </c>
      <c r="D53" s="14">
        <v>6194</v>
      </c>
      <c r="E53" s="14">
        <v>5823</v>
      </c>
      <c r="F53" s="14"/>
      <c r="G53" s="18" t="s">
        <v>104</v>
      </c>
      <c r="H53" s="17"/>
      <c r="I53" s="13">
        <v>2224</v>
      </c>
      <c r="J53" s="14">
        <v>640</v>
      </c>
      <c r="K53" s="14">
        <v>1584</v>
      </c>
    </row>
    <row r="54" spans="1:11" ht="15" customHeight="1">
      <c r="A54" s="17" t="s">
        <v>105</v>
      </c>
      <c r="B54" s="17"/>
      <c r="C54" s="13">
        <v>2254</v>
      </c>
      <c r="D54" s="19">
        <v>1182</v>
      </c>
      <c r="E54" s="19">
        <v>1072</v>
      </c>
      <c r="F54" s="19"/>
      <c r="G54" s="18" t="s">
        <v>106</v>
      </c>
      <c r="H54" s="17"/>
      <c r="I54" s="13">
        <v>647</v>
      </c>
      <c r="J54" s="19">
        <v>200</v>
      </c>
      <c r="K54" s="19">
        <v>447</v>
      </c>
    </row>
    <row r="55" spans="1:11" ht="15" customHeight="1">
      <c r="A55" s="17" t="s">
        <v>107</v>
      </c>
      <c r="B55" s="17"/>
      <c r="C55" s="13">
        <v>2309</v>
      </c>
      <c r="D55" s="19">
        <v>1150</v>
      </c>
      <c r="E55" s="19">
        <v>1159</v>
      </c>
      <c r="F55" s="19"/>
      <c r="G55" s="18" t="s">
        <v>108</v>
      </c>
      <c r="H55" s="17"/>
      <c r="I55" s="13">
        <v>524</v>
      </c>
      <c r="J55" s="19">
        <v>165</v>
      </c>
      <c r="K55" s="19">
        <v>359</v>
      </c>
    </row>
    <row r="56" spans="1:11" ht="15" customHeight="1">
      <c r="A56" s="17" t="s">
        <v>109</v>
      </c>
      <c r="B56" s="17"/>
      <c r="C56" s="13">
        <v>2389</v>
      </c>
      <c r="D56" s="19">
        <v>1258</v>
      </c>
      <c r="E56" s="19">
        <v>1131</v>
      </c>
      <c r="F56" s="19"/>
      <c r="G56" s="18" t="s">
        <v>110</v>
      </c>
      <c r="H56" s="17"/>
      <c r="I56" s="13">
        <v>432</v>
      </c>
      <c r="J56" s="19">
        <v>125</v>
      </c>
      <c r="K56" s="19">
        <v>307</v>
      </c>
    </row>
    <row r="57" spans="1:11" ht="15" customHeight="1">
      <c r="A57" s="17" t="s">
        <v>111</v>
      </c>
      <c r="B57" s="17"/>
      <c r="C57" s="13">
        <v>2464</v>
      </c>
      <c r="D57" s="19">
        <v>1300</v>
      </c>
      <c r="E57" s="19">
        <v>1164</v>
      </c>
      <c r="F57" s="19"/>
      <c r="G57" s="18" t="s">
        <v>112</v>
      </c>
      <c r="H57" s="17"/>
      <c r="I57" s="13">
        <v>363</v>
      </c>
      <c r="J57" s="19">
        <v>96</v>
      </c>
      <c r="K57" s="19">
        <v>267</v>
      </c>
    </row>
    <row r="58" spans="1:11" ht="15" customHeight="1">
      <c r="A58" s="17" t="s">
        <v>113</v>
      </c>
      <c r="B58" s="17"/>
      <c r="C58" s="13">
        <v>2601</v>
      </c>
      <c r="D58" s="19">
        <v>1304</v>
      </c>
      <c r="E58" s="19">
        <v>1297</v>
      </c>
      <c r="F58" s="19"/>
      <c r="G58" s="18" t="s">
        <v>114</v>
      </c>
      <c r="H58" s="17"/>
      <c r="I58" s="13">
        <v>258</v>
      </c>
      <c r="J58" s="19">
        <v>54</v>
      </c>
      <c r="K58" s="19">
        <v>204</v>
      </c>
    </row>
    <row r="59" spans="1:11" ht="20.100000000000001" customHeight="1">
      <c r="A59" s="17" t="s">
        <v>115</v>
      </c>
      <c r="B59" s="17"/>
      <c r="C59" s="13">
        <v>14709</v>
      </c>
      <c r="D59" s="14">
        <v>7328</v>
      </c>
      <c r="E59" s="14">
        <v>7381</v>
      </c>
      <c r="F59" s="14"/>
      <c r="G59" s="18" t="s">
        <v>116</v>
      </c>
      <c r="H59" s="17"/>
      <c r="I59" s="13">
        <v>620</v>
      </c>
      <c r="J59" s="14">
        <v>105</v>
      </c>
      <c r="K59" s="14">
        <v>515</v>
      </c>
    </row>
    <row r="60" spans="1:11" ht="15" customHeight="1">
      <c r="A60" s="17" t="s">
        <v>117</v>
      </c>
      <c r="B60" s="17"/>
      <c r="C60" s="13">
        <v>2669</v>
      </c>
      <c r="D60" s="19">
        <v>1308</v>
      </c>
      <c r="E60" s="19">
        <v>1361</v>
      </c>
      <c r="F60" s="19"/>
      <c r="G60" s="18" t="s">
        <v>118</v>
      </c>
      <c r="H60" s="17"/>
      <c r="I60" s="13">
        <v>204</v>
      </c>
      <c r="J60" s="19">
        <v>43</v>
      </c>
      <c r="K60" s="19">
        <v>161</v>
      </c>
    </row>
    <row r="61" spans="1:11" ht="15" customHeight="1">
      <c r="A61" s="17" t="s">
        <v>119</v>
      </c>
      <c r="B61" s="17"/>
      <c r="C61" s="13">
        <v>2698</v>
      </c>
      <c r="D61" s="19">
        <v>1388</v>
      </c>
      <c r="E61" s="19">
        <v>1310</v>
      </c>
      <c r="F61" s="19"/>
      <c r="G61" s="18" t="s">
        <v>120</v>
      </c>
      <c r="H61" s="17"/>
      <c r="I61" s="13">
        <v>165</v>
      </c>
      <c r="J61" s="19">
        <v>27</v>
      </c>
      <c r="K61" s="19">
        <v>138</v>
      </c>
    </row>
    <row r="62" spans="1:11" ht="15" customHeight="1">
      <c r="A62" s="17" t="s">
        <v>121</v>
      </c>
      <c r="B62" s="17"/>
      <c r="C62" s="13">
        <v>3006</v>
      </c>
      <c r="D62" s="19">
        <v>1490</v>
      </c>
      <c r="E62" s="19">
        <v>1516</v>
      </c>
      <c r="F62" s="19"/>
      <c r="G62" s="18" t="s">
        <v>122</v>
      </c>
      <c r="H62" s="17"/>
      <c r="I62" s="13">
        <v>109</v>
      </c>
      <c r="J62" s="19">
        <v>18</v>
      </c>
      <c r="K62" s="19">
        <v>91</v>
      </c>
    </row>
    <row r="63" spans="1:11" ht="15" customHeight="1">
      <c r="A63" s="17" t="s">
        <v>123</v>
      </c>
      <c r="B63" s="17"/>
      <c r="C63" s="13">
        <v>3170</v>
      </c>
      <c r="D63" s="19">
        <v>1561</v>
      </c>
      <c r="E63" s="19">
        <v>1609</v>
      </c>
      <c r="F63" s="19"/>
      <c r="G63" s="18" t="s">
        <v>124</v>
      </c>
      <c r="H63" s="17"/>
      <c r="I63" s="13">
        <v>80</v>
      </c>
      <c r="J63" s="19">
        <v>10</v>
      </c>
      <c r="K63" s="19">
        <v>70</v>
      </c>
    </row>
    <row r="64" spans="1:11" ht="15" customHeight="1">
      <c r="A64" s="17" t="s">
        <v>125</v>
      </c>
      <c r="B64" s="17"/>
      <c r="C64" s="13">
        <v>3166</v>
      </c>
      <c r="D64" s="19">
        <v>1581</v>
      </c>
      <c r="E64" s="19">
        <v>1585</v>
      </c>
      <c r="F64" s="19"/>
      <c r="G64" s="18" t="s">
        <v>126</v>
      </c>
      <c r="H64" s="17"/>
      <c r="I64" s="13">
        <v>62</v>
      </c>
      <c r="J64" s="19">
        <v>7</v>
      </c>
      <c r="K64" s="19">
        <v>55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26</v>
      </c>
      <c r="J65" s="19">
        <v>8</v>
      </c>
      <c r="K65" s="19">
        <v>118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3260</v>
      </c>
      <c r="J66" s="27">
        <v>2044</v>
      </c>
      <c r="K66" s="27">
        <v>1216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7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22052</v>
      </c>
      <c r="D4" s="14">
        <v>59009</v>
      </c>
      <c r="E4" s="14">
        <v>6304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3871</v>
      </c>
      <c r="D5" s="14">
        <v>2071</v>
      </c>
      <c r="E5" s="14">
        <v>1800</v>
      </c>
      <c r="F5" s="14"/>
      <c r="G5" s="18" t="s">
        <v>8</v>
      </c>
      <c r="H5" s="17"/>
      <c r="I5" s="13">
        <v>10214</v>
      </c>
      <c r="J5" s="14">
        <v>5201</v>
      </c>
      <c r="K5" s="14">
        <v>5013</v>
      </c>
    </row>
    <row r="6" spans="1:11" ht="15" customHeight="1">
      <c r="A6" s="17" t="s">
        <v>9</v>
      </c>
      <c r="B6" s="17"/>
      <c r="C6" s="13">
        <v>720</v>
      </c>
      <c r="D6" s="19">
        <v>387</v>
      </c>
      <c r="E6" s="19">
        <v>333</v>
      </c>
      <c r="F6" s="19"/>
      <c r="G6" s="18" t="s">
        <v>10</v>
      </c>
      <c r="H6" s="17"/>
      <c r="I6" s="13">
        <v>2120</v>
      </c>
      <c r="J6" s="19">
        <v>1054</v>
      </c>
      <c r="K6" s="19">
        <v>1066</v>
      </c>
    </row>
    <row r="7" spans="1:11" ht="15" customHeight="1">
      <c r="A7" s="17" t="s">
        <v>11</v>
      </c>
      <c r="B7" s="17"/>
      <c r="C7" s="13">
        <v>774</v>
      </c>
      <c r="D7" s="19">
        <v>433</v>
      </c>
      <c r="E7" s="19">
        <v>341</v>
      </c>
      <c r="F7" s="19"/>
      <c r="G7" s="18" t="s">
        <v>12</v>
      </c>
      <c r="H7" s="17"/>
      <c r="I7" s="13">
        <v>2140</v>
      </c>
      <c r="J7" s="19">
        <v>1097</v>
      </c>
      <c r="K7" s="19">
        <v>1043</v>
      </c>
    </row>
    <row r="8" spans="1:11" ht="15" customHeight="1">
      <c r="A8" s="17" t="s">
        <v>13</v>
      </c>
      <c r="B8" s="17"/>
      <c r="C8" s="13">
        <v>784</v>
      </c>
      <c r="D8" s="19">
        <v>400</v>
      </c>
      <c r="E8" s="19">
        <v>384</v>
      </c>
      <c r="F8" s="19"/>
      <c r="G8" s="18" t="s">
        <v>14</v>
      </c>
      <c r="H8" s="17"/>
      <c r="I8" s="13">
        <v>1983</v>
      </c>
      <c r="J8" s="19">
        <v>1025</v>
      </c>
      <c r="K8" s="19">
        <v>958</v>
      </c>
    </row>
    <row r="9" spans="1:11" ht="15" customHeight="1">
      <c r="A9" s="17" t="s">
        <v>15</v>
      </c>
      <c r="B9" s="17"/>
      <c r="C9" s="13">
        <v>805</v>
      </c>
      <c r="D9" s="19">
        <v>430</v>
      </c>
      <c r="E9" s="19">
        <v>375</v>
      </c>
      <c r="F9" s="19"/>
      <c r="G9" s="18" t="s">
        <v>16</v>
      </c>
      <c r="H9" s="17"/>
      <c r="I9" s="13">
        <v>1960</v>
      </c>
      <c r="J9" s="19">
        <v>1012</v>
      </c>
      <c r="K9" s="19">
        <v>948</v>
      </c>
    </row>
    <row r="10" spans="1:11" ht="15" customHeight="1">
      <c r="A10" s="17" t="s">
        <v>17</v>
      </c>
      <c r="B10" s="17"/>
      <c r="C10" s="13">
        <v>788</v>
      </c>
      <c r="D10" s="19">
        <v>421</v>
      </c>
      <c r="E10" s="19">
        <v>367</v>
      </c>
      <c r="F10" s="19"/>
      <c r="G10" s="18" t="s">
        <v>18</v>
      </c>
      <c r="H10" s="17"/>
      <c r="I10" s="13">
        <v>2011</v>
      </c>
      <c r="J10" s="19">
        <v>1013</v>
      </c>
      <c r="K10" s="19">
        <v>998</v>
      </c>
    </row>
    <row r="11" spans="1:11" ht="20.100000000000001" customHeight="1">
      <c r="A11" s="17" t="s">
        <v>19</v>
      </c>
      <c r="B11" s="17"/>
      <c r="C11" s="13">
        <v>4568</v>
      </c>
      <c r="D11" s="14">
        <v>2281</v>
      </c>
      <c r="E11" s="14">
        <v>2287</v>
      </c>
      <c r="F11" s="14"/>
      <c r="G11" s="18" t="s">
        <v>20</v>
      </c>
      <c r="H11" s="17"/>
      <c r="I11" s="13">
        <v>7999</v>
      </c>
      <c r="J11" s="14">
        <v>4071</v>
      </c>
      <c r="K11" s="14">
        <v>3928</v>
      </c>
    </row>
    <row r="12" spans="1:11" ht="15" customHeight="1">
      <c r="A12" s="17" t="s">
        <v>21</v>
      </c>
      <c r="B12" s="17"/>
      <c r="C12" s="13">
        <v>852</v>
      </c>
      <c r="D12" s="19">
        <v>440</v>
      </c>
      <c r="E12" s="19">
        <v>412</v>
      </c>
      <c r="F12" s="19"/>
      <c r="G12" s="18" t="s">
        <v>22</v>
      </c>
      <c r="H12" s="17"/>
      <c r="I12" s="13">
        <v>1504</v>
      </c>
      <c r="J12" s="19">
        <v>772</v>
      </c>
      <c r="K12" s="19">
        <v>732</v>
      </c>
    </row>
    <row r="13" spans="1:11" ht="15" customHeight="1">
      <c r="A13" s="17" t="s">
        <v>23</v>
      </c>
      <c r="B13" s="17"/>
      <c r="C13" s="13">
        <v>928</v>
      </c>
      <c r="D13" s="19">
        <v>449</v>
      </c>
      <c r="E13" s="19">
        <v>479</v>
      </c>
      <c r="F13" s="19"/>
      <c r="G13" s="18" t="s">
        <v>24</v>
      </c>
      <c r="H13" s="17"/>
      <c r="I13" s="13">
        <v>1852</v>
      </c>
      <c r="J13" s="19">
        <v>909</v>
      </c>
      <c r="K13" s="19">
        <v>943</v>
      </c>
    </row>
    <row r="14" spans="1:11" ht="15" customHeight="1">
      <c r="A14" s="17" t="s">
        <v>25</v>
      </c>
      <c r="B14" s="17"/>
      <c r="C14" s="13">
        <v>865</v>
      </c>
      <c r="D14" s="19">
        <v>432</v>
      </c>
      <c r="E14" s="19">
        <v>433</v>
      </c>
      <c r="F14" s="19"/>
      <c r="G14" s="18" t="s">
        <v>26</v>
      </c>
      <c r="H14" s="17"/>
      <c r="I14" s="13">
        <v>1607</v>
      </c>
      <c r="J14" s="19">
        <v>822</v>
      </c>
      <c r="K14" s="19">
        <v>785</v>
      </c>
    </row>
    <row r="15" spans="1:11" ht="15" customHeight="1">
      <c r="A15" s="17" t="s">
        <v>27</v>
      </c>
      <c r="B15" s="17"/>
      <c r="C15" s="13">
        <v>943</v>
      </c>
      <c r="D15" s="19">
        <v>462</v>
      </c>
      <c r="E15" s="19">
        <v>481</v>
      </c>
      <c r="F15" s="19"/>
      <c r="G15" s="18" t="s">
        <v>28</v>
      </c>
      <c r="H15" s="17"/>
      <c r="I15" s="13">
        <v>1577</v>
      </c>
      <c r="J15" s="19">
        <v>839</v>
      </c>
      <c r="K15" s="19">
        <v>738</v>
      </c>
    </row>
    <row r="16" spans="1:11" ht="15" customHeight="1">
      <c r="A16" s="17" t="s">
        <v>29</v>
      </c>
      <c r="B16" s="17"/>
      <c r="C16" s="13">
        <v>980</v>
      </c>
      <c r="D16" s="19">
        <v>498</v>
      </c>
      <c r="E16" s="19">
        <v>482</v>
      </c>
      <c r="F16" s="19"/>
      <c r="G16" s="18" t="s">
        <v>30</v>
      </c>
      <c r="H16" s="17"/>
      <c r="I16" s="13">
        <v>1459</v>
      </c>
      <c r="J16" s="19">
        <v>729</v>
      </c>
      <c r="K16" s="19">
        <v>730</v>
      </c>
    </row>
    <row r="17" spans="1:11" ht="20.100000000000001" customHeight="1">
      <c r="A17" s="20" t="s">
        <v>31</v>
      </c>
      <c r="B17" s="20"/>
      <c r="C17" s="13">
        <v>5188</v>
      </c>
      <c r="D17" s="14">
        <v>2681</v>
      </c>
      <c r="E17" s="14">
        <v>2507</v>
      </c>
      <c r="F17" s="14"/>
      <c r="G17" s="18" t="s">
        <v>32</v>
      </c>
      <c r="H17" s="17"/>
      <c r="I17" s="13">
        <v>6500</v>
      </c>
      <c r="J17" s="14">
        <v>3234</v>
      </c>
      <c r="K17" s="14">
        <v>3266</v>
      </c>
    </row>
    <row r="18" spans="1:11" ht="15" customHeight="1">
      <c r="A18" s="17" t="s">
        <v>33</v>
      </c>
      <c r="B18" s="17"/>
      <c r="C18" s="13">
        <v>941</v>
      </c>
      <c r="D18" s="19">
        <v>496</v>
      </c>
      <c r="E18" s="19">
        <v>445</v>
      </c>
      <c r="F18" s="19"/>
      <c r="G18" s="18" t="s">
        <v>34</v>
      </c>
      <c r="H18" s="17"/>
      <c r="I18" s="13">
        <v>1398</v>
      </c>
      <c r="J18" s="19">
        <v>692</v>
      </c>
      <c r="K18" s="19">
        <v>706</v>
      </c>
    </row>
    <row r="19" spans="1:11" ht="15" customHeight="1">
      <c r="A19" s="17" t="s">
        <v>35</v>
      </c>
      <c r="B19" s="17"/>
      <c r="C19" s="13">
        <v>987</v>
      </c>
      <c r="D19" s="19">
        <v>503</v>
      </c>
      <c r="E19" s="19">
        <v>484</v>
      </c>
      <c r="F19" s="19"/>
      <c r="G19" s="18" t="s">
        <v>36</v>
      </c>
      <c r="H19" s="17"/>
      <c r="I19" s="13">
        <v>1323</v>
      </c>
      <c r="J19" s="19">
        <v>637</v>
      </c>
      <c r="K19" s="19">
        <v>686</v>
      </c>
    </row>
    <row r="20" spans="1:11" ht="15" customHeight="1">
      <c r="A20" s="17" t="s">
        <v>37</v>
      </c>
      <c r="B20" s="17"/>
      <c r="C20" s="13">
        <v>1048</v>
      </c>
      <c r="D20" s="19">
        <v>521</v>
      </c>
      <c r="E20" s="19">
        <v>527</v>
      </c>
      <c r="F20" s="19"/>
      <c r="G20" s="18" t="s">
        <v>38</v>
      </c>
      <c r="H20" s="17"/>
      <c r="I20" s="13">
        <v>1244</v>
      </c>
      <c r="J20" s="19">
        <v>642</v>
      </c>
      <c r="K20" s="19">
        <v>602</v>
      </c>
    </row>
    <row r="21" spans="1:11" ht="15" customHeight="1">
      <c r="A21" s="17" t="s">
        <v>39</v>
      </c>
      <c r="B21" s="17"/>
      <c r="C21" s="13">
        <v>1097</v>
      </c>
      <c r="D21" s="19">
        <v>566</v>
      </c>
      <c r="E21" s="19">
        <v>531</v>
      </c>
      <c r="F21" s="19"/>
      <c r="G21" s="18" t="s">
        <v>40</v>
      </c>
      <c r="H21" s="17"/>
      <c r="I21" s="13">
        <v>1356</v>
      </c>
      <c r="J21" s="19">
        <v>675</v>
      </c>
      <c r="K21" s="19">
        <v>681</v>
      </c>
    </row>
    <row r="22" spans="1:11" ht="15" customHeight="1">
      <c r="A22" s="17" t="s">
        <v>41</v>
      </c>
      <c r="B22" s="17"/>
      <c r="C22" s="13">
        <v>1115</v>
      </c>
      <c r="D22" s="19">
        <v>595</v>
      </c>
      <c r="E22" s="19">
        <v>520</v>
      </c>
      <c r="F22" s="19"/>
      <c r="G22" s="18" t="s">
        <v>42</v>
      </c>
      <c r="H22" s="17"/>
      <c r="I22" s="13">
        <v>1179</v>
      </c>
      <c r="J22" s="19">
        <v>588</v>
      </c>
      <c r="K22" s="19">
        <v>591</v>
      </c>
    </row>
    <row r="23" spans="1:11" ht="20.100000000000001" customHeight="1">
      <c r="A23" s="17" t="s">
        <v>43</v>
      </c>
      <c r="B23" s="17"/>
      <c r="C23" s="13">
        <v>6057</v>
      </c>
      <c r="D23" s="14">
        <v>3062</v>
      </c>
      <c r="E23" s="14">
        <v>2995</v>
      </c>
      <c r="F23" s="14"/>
      <c r="G23" s="18" t="s">
        <v>44</v>
      </c>
      <c r="H23" s="17"/>
      <c r="I23" s="13">
        <v>6464</v>
      </c>
      <c r="J23" s="14">
        <v>3109</v>
      </c>
      <c r="K23" s="14">
        <v>3355</v>
      </c>
    </row>
    <row r="24" spans="1:11" ht="15" customHeight="1">
      <c r="A24" s="17" t="s">
        <v>45</v>
      </c>
      <c r="B24" s="17"/>
      <c r="C24" s="13">
        <v>1162</v>
      </c>
      <c r="D24" s="19">
        <v>575</v>
      </c>
      <c r="E24" s="19">
        <v>587</v>
      </c>
      <c r="F24" s="19"/>
      <c r="G24" s="18" t="s">
        <v>46</v>
      </c>
      <c r="H24" s="17"/>
      <c r="I24" s="13">
        <v>1190</v>
      </c>
      <c r="J24" s="19">
        <v>576</v>
      </c>
      <c r="K24" s="19">
        <v>614</v>
      </c>
    </row>
    <row r="25" spans="1:11" ht="15" customHeight="1">
      <c r="A25" s="17" t="s">
        <v>47</v>
      </c>
      <c r="B25" s="17"/>
      <c r="C25" s="13">
        <v>1170</v>
      </c>
      <c r="D25" s="19">
        <v>614</v>
      </c>
      <c r="E25" s="19">
        <v>556</v>
      </c>
      <c r="F25" s="19"/>
      <c r="G25" s="18" t="s">
        <v>48</v>
      </c>
      <c r="H25" s="17"/>
      <c r="I25" s="13">
        <v>1243</v>
      </c>
      <c r="J25" s="19">
        <v>604</v>
      </c>
      <c r="K25" s="19">
        <v>639</v>
      </c>
    </row>
    <row r="26" spans="1:11" ht="15" customHeight="1">
      <c r="A26" s="17" t="s">
        <v>49</v>
      </c>
      <c r="B26" s="17"/>
      <c r="C26" s="13">
        <v>1199</v>
      </c>
      <c r="D26" s="19">
        <v>617</v>
      </c>
      <c r="E26" s="19">
        <v>582</v>
      </c>
      <c r="F26" s="19"/>
      <c r="G26" s="18" t="s">
        <v>50</v>
      </c>
      <c r="H26" s="17"/>
      <c r="I26" s="13">
        <v>1344</v>
      </c>
      <c r="J26" s="19">
        <v>641</v>
      </c>
      <c r="K26" s="19">
        <v>703</v>
      </c>
    </row>
    <row r="27" spans="1:11" ht="15" customHeight="1">
      <c r="A27" s="17" t="s">
        <v>51</v>
      </c>
      <c r="B27" s="17"/>
      <c r="C27" s="13">
        <v>1280</v>
      </c>
      <c r="D27" s="19">
        <v>640</v>
      </c>
      <c r="E27" s="19">
        <v>640</v>
      </c>
      <c r="F27" s="19"/>
      <c r="G27" s="18" t="s">
        <v>52</v>
      </c>
      <c r="H27" s="17"/>
      <c r="I27" s="13">
        <v>1253</v>
      </c>
      <c r="J27" s="19">
        <v>615</v>
      </c>
      <c r="K27" s="19">
        <v>638</v>
      </c>
    </row>
    <row r="28" spans="1:11" ht="15" customHeight="1">
      <c r="A28" s="17" t="s">
        <v>53</v>
      </c>
      <c r="B28" s="17"/>
      <c r="C28" s="13">
        <v>1246</v>
      </c>
      <c r="D28" s="19">
        <v>616</v>
      </c>
      <c r="E28" s="19">
        <v>630</v>
      </c>
      <c r="F28" s="19"/>
      <c r="G28" s="18" t="s">
        <v>54</v>
      </c>
      <c r="H28" s="17"/>
      <c r="I28" s="13">
        <v>1434</v>
      </c>
      <c r="J28" s="19">
        <v>673</v>
      </c>
      <c r="K28" s="19">
        <v>761</v>
      </c>
    </row>
    <row r="29" spans="1:11" ht="20.100000000000001" customHeight="1">
      <c r="A29" s="17" t="s">
        <v>55</v>
      </c>
      <c r="B29" s="17"/>
      <c r="C29" s="13">
        <v>6229</v>
      </c>
      <c r="D29" s="14">
        <v>3124</v>
      </c>
      <c r="E29" s="14">
        <v>3105</v>
      </c>
      <c r="F29" s="14"/>
      <c r="G29" s="18" t="s">
        <v>56</v>
      </c>
      <c r="H29" s="17"/>
      <c r="I29" s="13">
        <v>8623</v>
      </c>
      <c r="J29" s="14">
        <v>3876</v>
      </c>
      <c r="K29" s="14">
        <v>4747</v>
      </c>
    </row>
    <row r="30" spans="1:11" ht="15" customHeight="1">
      <c r="A30" s="17" t="s">
        <v>57</v>
      </c>
      <c r="B30" s="17"/>
      <c r="C30" s="13">
        <v>1263</v>
      </c>
      <c r="D30" s="19">
        <v>615</v>
      </c>
      <c r="E30" s="19">
        <v>648</v>
      </c>
      <c r="F30" s="19"/>
      <c r="G30" s="18" t="s">
        <v>58</v>
      </c>
      <c r="H30" s="17"/>
      <c r="I30" s="13">
        <v>1452</v>
      </c>
      <c r="J30" s="19">
        <v>678</v>
      </c>
      <c r="K30" s="19">
        <v>774</v>
      </c>
    </row>
    <row r="31" spans="1:11" ht="15" customHeight="1">
      <c r="A31" s="17" t="s">
        <v>59</v>
      </c>
      <c r="B31" s="17"/>
      <c r="C31" s="13">
        <v>1248</v>
      </c>
      <c r="D31" s="19">
        <v>632</v>
      </c>
      <c r="E31" s="19">
        <v>616</v>
      </c>
      <c r="F31" s="19"/>
      <c r="G31" s="18" t="s">
        <v>60</v>
      </c>
      <c r="H31" s="17"/>
      <c r="I31" s="13">
        <v>1603</v>
      </c>
      <c r="J31" s="19">
        <v>738</v>
      </c>
      <c r="K31" s="19">
        <v>865</v>
      </c>
    </row>
    <row r="32" spans="1:11" ht="15" customHeight="1">
      <c r="A32" s="17" t="s">
        <v>61</v>
      </c>
      <c r="B32" s="17"/>
      <c r="C32" s="13">
        <v>1168</v>
      </c>
      <c r="D32" s="19">
        <v>569</v>
      </c>
      <c r="E32" s="19">
        <v>599</v>
      </c>
      <c r="F32" s="19"/>
      <c r="G32" s="18" t="s">
        <v>62</v>
      </c>
      <c r="H32" s="17"/>
      <c r="I32" s="13">
        <v>1917</v>
      </c>
      <c r="J32" s="19">
        <v>864</v>
      </c>
      <c r="K32" s="19">
        <v>1053</v>
      </c>
    </row>
    <row r="33" spans="1:11" ht="15" customHeight="1">
      <c r="A33" s="17" t="s">
        <v>63</v>
      </c>
      <c r="B33" s="17"/>
      <c r="C33" s="13">
        <v>1351</v>
      </c>
      <c r="D33" s="19">
        <v>723</v>
      </c>
      <c r="E33" s="19">
        <v>628</v>
      </c>
      <c r="F33" s="19"/>
      <c r="G33" s="18" t="s">
        <v>64</v>
      </c>
      <c r="H33" s="17"/>
      <c r="I33" s="13">
        <v>1812</v>
      </c>
      <c r="J33" s="19">
        <v>799</v>
      </c>
      <c r="K33" s="19">
        <v>1013</v>
      </c>
    </row>
    <row r="34" spans="1:11" ht="15" customHeight="1">
      <c r="A34" s="17" t="s">
        <v>65</v>
      </c>
      <c r="B34" s="17"/>
      <c r="C34" s="13">
        <v>1199</v>
      </c>
      <c r="D34" s="19">
        <v>585</v>
      </c>
      <c r="E34" s="19">
        <v>614</v>
      </c>
      <c r="F34" s="19"/>
      <c r="G34" s="18" t="s">
        <v>66</v>
      </c>
      <c r="H34" s="17"/>
      <c r="I34" s="13">
        <v>1839</v>
      </c>
      <c r="J34" s="19">
        <v>797</v>
      </c>
      <c r="K34" s="19">
        <v>1042</v>
      </c>
    </row>
    <row r="35" spans="1:11" ht="20.100000000000001" customHeight="1">
      <c r="A35" s="17" t="s">
        <v>67</v>
      </c>
      <c r="B35" s="17"/>
      <c r="C35" s="13">
        <v>5650</v>
      </c>
      <c r="D35" s="14">
        <v>2900</v>
      </c>
      <c r="E35" s="14">
        <v>2750</v>
      </c>
      <c r="F35" s="14"/>
      <c r="G35" s="18" t="s">
        <v>68</v>
      </c>
      <c r="H35" s="17"/>
      <c r="I35" s="13">
        <v>6880</v>
      </c>
      <c r="J35" s="14">
        <v>3009</v>
      </c>
      <c r="K35" s="14">
        <v>3871</v>
      </c>
    </row>
    <row r="36" spans="1:11" ht="15" customHeight="1">
      <c r="A36" s="17" t="s">
        <v>69</v>
      </c>
      <c r="B36" s="17"/>
      <c r="C36" s="13">
        <v>1178</v>
      </c>
      <c r="D36" s="19">
        <v>594</v>
      </c>
      <c r="E36" s="19">
        <v>584</v>
      </c>
      <c r="F36" s="19"/>
      <c r="G36" s="18" t="s">
        <v>70</v>
      </c>
      <c r="H36" s="17"/>
      <c r="I36" s="13">
        <v>1242</v>
      </c>
      <c r="J36" s="19">
        <v>585</v>
      </c>
      <c r="K36" s="19">
        <v>657</v>
      </c>
    </row>
    <row r="37" spans="1:11" ht="15" customHeight="1">
      <c r="A37" s="17" t="s">
        <v>71</v>
      </c>
      <c r="B37" s="17"/>
      <c r="C37" s="13">
        <v>1083</v>
      </c>
      <c r="D37" s="19">
        <v>570</v>
      </c>
      <c r="E37" s="19">
        <v>513</v>
      </c>
      <c r="F37" s="19"/>
      <c r="G37" s="18" t="s">
        <v>72</v>
      </c>
      <c r="H37" s="17"/>
      <c r="I37" s="13">
        <v>1122</v>
      </c>
      <c r="J37" s="19">
        <v>468</v>
      </c>
      <c r="K37" s="19">
        <v>654</v>
      </c>
    </row>
    <row r="38" spans="1:11" ht="15" customHeight="1">
      <c r="A38" s="17" t="s">
        <v>73</v>
      </c>
      <c r="B38" s="17"/>
      <c r="C38" s="13">
        <v>1146</v>
      </c>
      <c r="D38" s="19">
        <v>595</v>
      </c>
      <c r="E38" s="19">
        <v>551</v>
      </c>
      <c r="F38" s="19"/>
      <c r="G38" s="18" t="s">
        <v>74</v>
      </c>
      <c r="H38" s="17"/>
      <c r="I38" s="13">
        <v>1460</v>
      </c>
      <c r="J38" s="19">
        <v>643</v>
      </c>
      <c r="K38" s="19">
        <v>817</v>
      </c>
    </row>
    <row r="39" spans="1:11" ht="15" customHeight="1">
      <c r="A39" s="17" t="s">
        <v>75</v>
      </c>
      <c r="B39" s="17"/>
      <c r="C39" s="13">
        <v>1109</v>
      </c>
      <c r="D39" s="19">
        <v>556</v>
      </c>
      <c r="E39" s="19">
        <v>553</v>
      </c>
      <c r="F39" s="19"/>
      <c r="G39" s="18" t="s">
        <v>76</v>
      </c>
      <c r="H39" s="17"/>
      <c r="I39" s="13">
        <v>1589</v>
      </c>
      <c r="J39" s="19">
        <v>672</v>
      </c>
      <c r="K39" s="19">
        <v>917</v>
      </c>
    </row>
    <row r="40" spans="1:11" ht="15" customHeight="1">
      <c r="A40" s="17" t="s">
        <v>77</v>
      </c>
      <c r="B40" s="17"/>
      <c r="C40" s="13">
        <v>1134</v>
      </c>
      <c r="D40" s="19">
        <v>585</v>
      </c>
      <c r="E40" s="19">
        <v>549</v>
      </c>
      <c r="F40" s="19"/>
      <c r="G40" s="18" t="s">
        <v>78</v>
      </c>
      <c r="H40" s="17"/>
      <c r="I40" s="13">
        <v>1467</v>
      </c>
      <c r="J40" s="19">
        <v>641</v>
      </c>
      <c r="K40" s="19">
        <v>826</v>
      </c>
    </row>
    <row r="41" spans="1:11" ht="20.100000000000001" customHeight="1">
      <c r="A41" s="17" t="s">
        <v>79</v>
      </c>
      <c r="B41" s="17"/>
      <c r="C41" s="13">
        <v>5621</v>
      </c>
      <c r="D41" s="14">
        <v>2873</v>
      </c>
      <c r="E41" s="14">
        <v>2748</v>
      </c>
      <c r="F41" s="14"/>
      <c r="G41" s="18" t="s">
        <v>80</v>
      </c>
      <c r="H41" s="17"/>
      <c r="I41" s="13">
        <v>6261</v>
      </c>
      <c r="J41" s="14">
        <v>2671</v>
      </c>
      <c r="K41" s="14">
        <v>3590</v>
      </c>
    </row>
    <row r="42" spans="1:11" ht="15" customHeight="1">
      <c r="A42" s="17" t="s">
        <v>81</v>
      </c>
      <c r="B42" s="17"/>
      <c r="C42" s="13">
        <v>1070</v>
      </c>
      <c r="D42" s="19">
        <v>532</v>
      </c>
      <c r="E42" s="19">
        <v>538</v>
      </c>
      <c r="F42" s="19"/>
      <c r="G42" s="18" t="s">
        <v>82</v>
      </c>
      <c r="H42" s="17"/>
      <c r="I42" s="13">
        <v>1452</v>
      </c>
      <c r="J42" s="19">
        <v>651</v>
      </c>
      <c r="K42" s="19">
        <v>801</v>
      </c>
    </row>
    <row r="43" spans="1:11" ht="15" customHeight="1">
      <c r="A43" s="17" t="s">
        <v>83</v>
      </c>
      <c r="B43" s="17"/>
      <c r="C43" s="13">
        <v>1103</v>
      </c>
      <c r="D43" s="19">
        <v>578</v>
      </c>
      <c r="E43" s="19">
        <v>525</v>
      </c>
      <c r="F43" s="19"/>
      <c r="G43" s="18" t="s">
        <v>84</v>
      </c>
      <c r="H43" s="17"/>
      <c r="I43" s="13">
        <v>1397</v>
      </c>
      <c r="J43" s="19">
        <v>599</v>
      </c>
      <c r="K43" s="19">
        <v>798</v>
      </c>
    </row>
    <row r="44" spans="1:11" ht="15" customHeight="1">
      <c r="A44" s="17" t="s">
        <v>85</v>
      </c>
      <c r="B44" s="17"/>
      <c r="C44" s="13">
        <v>1071</v>
      </c>
      <c r="D44" s="19">
        <v>533</v>
      </c>
      <c r="E44" s="19">
        <v>538</v>
      </c>
      <c r="F44" s="19"/>
      <c r="G44" s="18" t="s">
        <v>86</v>
      </c>
      <c r="H44" s="17"/>
      <c r="I44" s="13">
        <v>1241</v>
      </c>
      <c r="J44" s="19">
        <v>518</v>
      </c>
      <c r="K44" s="19">
        <v>723</v>
      </c>
    </row>
    <row r="45" spans="1:11" ht="15" customHeight="1">
      <c r="A45" s="17" t="s">
        <v>87</v>
      </c>
      <c r="B45" s="17"/>
      <c r="C45" s="13">
        <v>1175</v>
      </c>
      <c r="D45" s="19">
        <v>589</v>
      </c>
      <c r="E45" s="19">
        <v>586</v>
      </c>
      <c r="F45" s="19"/>
      <c r="G45" s="18" t="s">
        <v>88</v>
      </c>
      <c r="H45" s="17"/>
      <c r="I45" s="13">
        <v>1063</v>
      </c>
      <c r="J45" s="19">
        <v>474</v>
      </c>
      <c r="K45" s="19">
        <v>589</v>
      </c>
    </row>
    <row r="46" spans="1:11" ht="15" customHeight="1">
      <c r="A46" s="17" t="s">
        <v>89</v>
      </c>
      <c r="B46" s="17"/>
      <c r="C46" s="13">
        <v>1202</v>
      </c>
      <c r="D46" s="19">
        <v>641</v>
      </c>
      <c r="E46" s="19">
        <v>561</v>
      </c>
      <c r="F46" s="19"/>
      <c r="G46" s="18" t="s">
        <v>90</v>
      </c>
      <c r="H46" s="17"/>
      <c r="I46" s="13">
        <v>1108</v>
      </c>
      <c r="J46" s="19">
        <v>429</v>
      </c>
      <c r="K46" s="19">
        <v>679</v>
      </c>
    </row>
    <row r="47" spans="1:11" ht="20.100000000000001" customHeight="1">
      <c r="A47" s="17" t="s">
        <v>91</v>
      </c>
      <c r="B47" s="17"/>
      <c r="C47" s="13">
        <v>6334</v>
      </c>
      <c r="D47" s="14">
        <v>3177</v>
      </c>
      <c r="E47" s="14">
        <v>3157</v>
      </c>
      <c r="F47" s="14"/>
      <c r="G47" s="18" t="s">
        <v>92</v>
      </c>
      <c r="H47" s="17"/>
      <c r="I47" s="13">
        <v>4019</v>
      </c>
      <c r="J47" s="14">
        <v>1560</v>
      </c>
      <c r="K47" s="14">
        <v>2459</v>
      </c>
    </row>
    <row r="48" spans="1:11" ht="15" customHeight="1">
      <c r="A48" s="17" t="s">
        <v>93</v>
      </c>
      <c r="B48" s="17"/>
      <c r="C48" s="13">
        <v>1189</v>
      </c>
      <c r="D48" s="19">
        <v>595</v>
      </c>
      <c r="E48" s="19">
        <v>594</v>
      </c>
      <c r="F48" s="19"/>
      <c r="G48" s="18" t="s">
        <v>94</v>
      </c>
      <c r="H48" s="17"/>
      <c r="I48" s="13">
        <v>997</v>
      </c>
      <c r="J48" s="19">
        <v>420</v>
      </c>
      <c r="K48" s="19">
        <v>577</v>
      </c>
    </row>
    <row r="49" spans="1:11" ht="15" customHeight="1">
      <c r="A49" s="17" t="s">
        <v>95</v>
      </c>
      <c r="B49" s="17"/>
      <c r="C49" s="13">
        <v>1223</v>
      </c>
      <c r="D49" s="19">
        <v>626</v>
      </c>
      <c r="E49" s="19">
        <v>597</v>
      </c>
      <c r="F49" s="19"/>
      <c r="G49" s="18" t="s">
        <v>96</v>
      </c>
      <c r="H49" s="17"/>
      <c r="I49" s="13">
        <v>936</v>
      </c>
      <c r="J49" s="19">
        <v>368</v>
      </c>
      <c r="K49" s="19">
        <v>568</v>
      </c>
    </row>
    <row r="50" spans="1:11" ht="15" customHeight="1">
      <c r="A50" s="17" t="s">
        <v>97</v>
      </c>
      <c r="B50" s="17"/>
      <c r="C50" s="13">
        <v>1252</v>
      </c>
      <c r="D50" s="19">
        <v>599</v>
      </c>
      <c r="E50" s="19">
        <v>653</v>
      </c>
      <c r="F50" s="19"/>
      <c r="G50" s="18" t="s">
        <v>98</v>
      </c>
      <c r="H50" s="17"/>
      <c r="I50" s="13">
        <v>757</v>
      </c>
      <c r="J50" s="19">
        <v>323</v>
      </c>
      <c r="K50" s="19">
        <v>434</v>
      </c>
    </row>
    <row r="51" spans="1:11" ht="15" customHeight="1">
      <c r="A51" s="17" t="s">
        <v>99</v>
      </c>
      <c r="B51" s="17"/>
      <c r="C51" s="13">
        <v>1355</v>
      </c>
      <c r="D51" s="19">
        <v>681</v>
      </c>
      <c r="E51" s="19">
        <v>674</v>
      </c>
      <c r="F51" s="19"/>
      <c r="G51" s="18" t="s">
        <v>100</v>
      </c>
      <c r="H51" s="17"/>
      <c r="I51" s="13">
        <v>683</v>
      </c>
      <c r="J51" s="19">
        <v>239</v>
      </c>
      <c r="K51" s="19">
        <v>444</v>
      </c>
    </row>
    <row r="52" spans="1:11" ht="15" customHeight="1">
      <c r="A52" s="17" t="s">
        <v>101</v>
      </c>
      <c r="B52" s="17"/>
      <c r="C52" s="13">
        <v>1315</v>
      </c>
      <c r="D52" s="19">
        <v>676</v>
      </c>
      <c r="E52" s="19">
        <v>639</v>
      </c>
      <c r="F52" s="19"/>
      <c r="G52" s="18" t="s">
        <v>102</v>
      </c>
      <c r="H52" s="17"/>
      <c r="I52" s="13">
        <v>646</v>
      </c>
      <c r="J52" s="19">
        <v>210</v>
      </c>
      <c r="K52" s="19">
        <v>436</v>
      </c>
    </row>
    <row r="53" spans="1:11" ht="20.100000000000001" customHeight="1">
      <c r="A53" s="17" t="s">
        <v>103</v>
      </c>
      <c r="B53" s="17"/>
      <c r="C53" s="13">
        <v>7278</v>
      </c>
      <c r="D53" s="14">
        <v>3677</v>
      </c>
      <c r="E53" s="14">
        <v>3601</v>
      </c>
      <c r="F53" s="14"/>
      <c r="G53" s="18" t="s">
        <v>104</v>
      </c>
      <c r="H53" s="17"/>
      <c r="I53" s="13">
        <v>1872</v>
      </c>
      <c r="J53" s="14">
        <v>550</v>
      </c>
      <c r="K53" s="14">
        <v>1322</v>
      </c>
    </row>
    <row r="54" spans="1:11" ht="15" customHeight="1">
      <c r="A54" s="17" t="s">
        <v>105</v>
      </c>
      <c r="B54" s="17"/>
      <c r="C54" s="13">
        <v>1319</v>
      </c>
      <c r="D54" s="19">
        <v>700</v>
      </c>
      <c r="E54" s="19">
        <v>619</v>
      </c>
      <c r="F54" s="19"/>
      <c r="G54" s="18" t="s">
        <v>106</v>
      </c>
      <c r="H54" s="17"/>
      <c r="I54" s="13">
        <v>537</v>
      </c>
      <c r="J54" s="19">
        <v>175</v>
      </c>
      <c r="K54" s="19">
        <v>362</v>
      </c>
    </row>
    <row r="55" spans="1:11" ht="15" customHeight="1">
      <c r="A55" s="17" t="s">
        <v>107</v>
      </c>
      <c r="B55" s="17"/>
      <c r="C55" s="13">
        <v>1289</v>
      </c>
      <c r="D55" s="19">
        <v>639</v>
      </c>
      <c r="E55" s="19">
        <v>650</v>
      </c>
      <c r="F55" s="19"/>
      <c r="G55" s="18" t="s">
        <v>108</v>
      </c>
      <c r="H55" s="17"/>
      <c r="I55" s="13">
        <v>493</v>
      </c>
      <c r="J55" s="19">
        <v>144</v>
      </c>
      <c r="K55" s="19">
        <v>349</v>
      </c>
    </row>
    <row r="56" spans="1:11" ht="15" customHeight="1">
      <c r="A56" s="17" t="s">
        <v>109</v>
      </c>
      <c r="B56" s="17"/>
      <c r="C56" s="13">
        <v>1519</v>
      </c>
      <c r="D56" s="19">
        <v>769</v>
      </c>
      <c r="E56" s="19">
        <v>750</v>
      </c>
      <c r="F56" s="19"/>
      <c r="G56" s="18" t="s">
        <v>110</v>
      </c>
      <c r="H56" s="17"/>
      <c r="I56" s="13">
        <v>343</v>
      </c>
      <c r="J56" s="19">
        <v>100</v>
      </c>
      <c r="K56" s="19">
        <v>243</v>
      </c>
    </row>
    <row r="57" spans="1:11" ht="15" customHeight="1">
      <c r="A57" s="17" t="s">
        <v>111</v>
      </c>
      <c r="B57" s="17"/>
      <c r="C57" s="13">
        <v>1542</v>
      </c>
      <c r="D57" s="19">
        <v>763</v>
      </c>
      <c r="E57" s="19">
        <v>779</v>
      </c>
      <c r="F57" s="19"/>
      <c r="G57" s="18" t="s">
        <v>112</v>
      </c>
      <c r="H57" s="17"/>
      <c r="I57" s="13">
        <v>273</v>
      </c>
      <c r="J57" s="19">
        <v>69</v>
      </c>
      <c r="K57" s="19">
        <v>204</v>
      </c>
    </row>
    <row r="58" spans="1:11" ht="15" customHeight="1">
      <c r="A58" s="17" t="s">
        <v>113</v>
      </c>
      <c r="B58" s="17"/>
      <c r="C58" s="13">
        <v>1609</v>
      </c>
      <c r="D58" s="19">
        <v>806</v>
      </c>
      <c r="E58" s="19">
        <v>803</v>
      </c>
      <c r="F58" s="19"/>
      <c r="G58" s="18" t="s">
        <v>114</v>
      </c>
      <c r="H58" s="17"/>
      <c r="I58" s="13">
        <v>226</v>
      </c>
      <c r="J58" s="19">
        <v>62</v>
      </c>
      <c r="K58" s="19">
        <v>164</v>
      </c>
    </row>
    <row r="59" spans="1:11" ht="20.100000000000001" customHeight="1">
      <c r="A59" s="17" t="s">
        <v>115</v>
      </c>
      <c r="B59" s="17"/>
      <c r="C59" s="13">
        <v>9804</v>
      </c>
      <c r="D59" s="14">
        <v>4951</v>
      </c>
      <c r="E59" s="14">
        <v>4853</v>
      </c>
      <c r="F59" s="14"/>
      <c r="G59" s="18" t="s">
        <v>116</v>
      </c>
      <c r="H59" s="17"/>
      <c r="I59" s="13">
        <v>462</v>
      </c>
      <c r="J59" s="14">
        <v>110</v>
      </c>
      <c r="K59" s="14">
        <v>352</v>
      </c>
    </row>
    <row r="60" spans="1:11" ht="15" customHeight="1">
      <c r="A60" s="17" t="s">
        <v>117</v>
      </c>
      <c r="B60" s="17"/>
      <c r="C60" s="13">
        <v>1693</v>
      </c>
      <c r="D60" s="19">
        <v>866</v>
      </c>
      <c r="E60" s="19">
        <v>827</v>
      </c>
      <c r="F60" s="19"/>
      <c r="G60" s="18" t="s">
        <v>118</v>
      </c>
      <c r="H60" s="17"/>
      <c r="I60" s="13">
        <v>165</v>
      </c>
      <c r="J60" s="19">
        <v>51</v>
      </c>
      <c r="K60" s="19">
        <v>114</v>
      </c>
    </row>
    <row r="61" spans="1:11" ht="15" customHeight="1">
      <c r="A61" s="17" t="s">
        <v>119</v>
      </c>
      <c r="B61" s="17"/>
      <c r="C61" s="13">
        <v>1805</v>
      </c>
      <c r="D61" s="19">
        <v>934</v>
      </c>
      <c r="E61" s="19">
        <v>871</v>
      </c>
      <c r="F61" s="19"/>
      <c r="G61" s="18" t="s">
        <v>120</v>
      </c>
      <c r="H61" s="17"/>
      <c r="I61" s="13">
        <v>111</v>
      </c>
      <c r="J61" s="19">
        <v>19</v>
      </c>
      <c r="K61" s="19">
        <v>92</v>
      </c>
    </row>
    <row r="62" spans="1:11" ht="15" customHeight="1">
      <c r="A62" s="17" t="s">
        <v>121</v>
      </c>
      <c r="B62" s="17"/>
      <c r="C62" s="13">
        <v>2022</v>
      </c>
      <c r="D62" s="19">
        <v>999</v>
      </c>
      <c r="E62" s="19">
        <v>1023</v>
      </c>
      <c r="F62" s="19"/>
      <c r="G62" s="18" t="s">
        <v>122</v>
      </c>
      <c r="H62" s="17"/>
      <c r="I62" s="13">
        <v>84</v>
      </c>
      <c r="J62" s="19">
        <v>21</v>
      </c>
      <c r="K62" s="19">
        <v>63</v>
      </c>
    </row>
    <row r="63" spans="1:11" ht="15" customHeight="1">
      <c r="A63" s="17" t="s">
        <v>123</v>
      </c>
      <c r="B63" s="17"/>
      <c r="C63" s="13">
        <v>2114</v>
      </c>
      <c r="D63" s="19">
        <v>1041</v>
      </c>
      <c r="E63" s="19">
        <v>1073</v>
      </c>
      <c r="F63" s="19"/>
      <c r="G63" s="18" t="s">
        <v>124</v>
      </c>
      <c r="H63" s="17"/>
      <c r="I63" s="13">
        <v>70</v>
      </c>
      <c r="J63" s="19">
        <v>17</v>
      </c>
      <c r="K63" s="19">
        <v>53</v>
      </c>
    </row>
    <row r="64" spans="1:11" ht="15" customHeight="1">
      <c r="A64" s="17" t="s">
        <v>125</v>
      </c>
      <c r="B64" s="17"/>
      <c r="C64" s="13">
        <v>2170</v>
      </c>
      <c r="D64" s="19">
        <v>1111</v>
      </c>
      <c r="E64" s="19">
        <v>1059</v>
      </c>
      <c r="F64" s="19"/>
      <c r="G64" s="18" t="s">
        <v>126</v>
      </c>
      <c r="H64" s="17"/>
      <c r="I64" s="13">
        <v>32</v>
      </c>
      <c r="J64" s="19">
        <v>2</v>
      </c>
      <c r="K64" s="19">
        <v>30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71</v>
      </c>
      <c r="J65" s="19">
        <v>12</v>
      </c>
      <c r="K65" s="19">
        <v>59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2087</v>
      </c>
      <c r="J66" s="27">
        <v>809</v>
      </c>
      <c r="K66" s="27">
        <v>1278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8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20613</v>
      </c>
      <c r="D4" s="14">
        <v>58765</v>
      </c>
      <c r="E4" s="14">
        <v>6184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3822</v>
      </c>
      <c r="D5" s="14">
        <v>1959</v>
      </c>
      <c r="E5" s="14">
        <v>1863</v>
      </c>
      <c r="F5" s="14"/>
      <c r="G5" s="18" t="s">
        <v>8</v>
      </c>
      <c r="H5" s="17"/>
      <c r="I5" s="13">
        <v>10180</v>
      </c>
      <c r="J5" s="14">
        <v>5188</v>
      </c>
      <c r="K5" s="14">
        <v>4992</v>
      </c>
    </row>
    <row r="6" spans="1:11" ht="15" customHeight="1">
      <c r="A6" s="17" t="s">
        <v>9</v>
      </c>
      <c r="B6" s="17"/>
      <c r="C6" s="13">
        <v>778</v>
      </c>
      <c r="D6" s="19">
        <v>405</v>
      </c>
      <c r="E6" s="19">
        <v>373</v>
      </c>
      <c r="F6" s="19"/>
      <c r="G6" s="18" t="s">
        <v>10</v>
      </c>
      <c r="H6" s="17"/>
      <c r="I6" s="13">
        <v>2166</v>
      </c>
      <c r="J6" s="19">
        <v>1081</v>
      </c>
      <c r="K6" s="19">
        <v>1085</v>
      </c>
    </row>
    <row r="7" spans="1:11" ht="15" customHeight="1">
      <c r="A7" s="17" t="s">
        <v>11</v>
      </c>
      <c r="B7" s="17"/>
      <c r="C7" s="13">
        <v>745</v>
      </c>
      <c r="D7" s="19">
        <v>381</v>
      </c>
      <c r="E7" s="19">
        <v>364</v>
      </c>
      <c r="F7" s="19"/>
      <c r="G7" s="18" t="s">
        <v>12</v>
      </c>
      <c r="H7" s="17"/>
      <c r="I7" s="13">
        <v>2103</v>
      </c>
      <c r="J7" s="19">
        <v>1040</v>
      </c>
      <c r="K7" s="19">
        <v>1063</v>
      </c>
    </row>
    <row r="8" spans="1:11" ht="15" customHeight="1">
      <c r="A8" s="17" t="s">
        <v>13</v>
      </c>
      <c r="B8" s="17"/>
      <c r="C8" s="13">
        <v>740</v>
      </c>
      <c r="D8" s="19">
        <v>367</v>
      </c>
      <c r="E8" s="19">
        <v>373</v>
      </c>
      <c r="F8" s="19"/>
      <c r="G8" s="18" t="s">
        <v>14</v>
      </c>
      <c r="H8" s="17"/>
      <c r="I8" s="13">
        <v>1972</v>
      </c>
      <c r="J8" s="19">
        <v>1036</v>
      </c>
      <c r="K8" s="19">
        <v>936</v>
      </c>
    </row>
    <row r="9" spans="1:11" ht="15" customHeight="1">
      <c r="A9" s="17" t="s">
        <v>15</v>
      </c>
      <c r="B9" s="17"/>
      <c r="C9" s="13">
        <v>790</v>
      </c>
      <c r="D9" s="19">
        <v>410</v>
      </c>
      <c r="E9" s="19">
        <v>380</v>
      </c>
      <c r="F9" s="19"/>
      <c r="G9" s="18" t="s">
        <v>16</v>
      </c>
      <c r="H9" s="17"/>
      <c r="I9" s="13">
        <v>1994</v>
      </c>
      <c r="J9" s="19">
        <v>1002</v>
      </c>
      <c r="K9" s="19">
        <v>992</v>
      </c>
    </row>
    <row r="10" spans="1:11" ht="15" customHeight="1">
      <c r="A10" s="17" t="s">
        <v>17</v>
      </c>
      <c r="B10" s="17"/>
      <c r="C10" s="13">
        <v>769</v>
      </c>
      <c r="D10" s="19">
        <v>396</v>
      </c>
      <c r="E10" s="19">
        <v>373</v>
      </c>
      <c r="F10" s="19"/>
      <c r="G10" s="18" t="s">
        <v>18</v>
      </c>
      <c r="H10" s="17"/>
      <c r="I10" s="13">
        <v>1945</v>
      </c>
      <c r="J10" s="19">
        <v>1029</v>
      </c>
      <c r="K10" s="19">
        <v>916</v>
      </c>
    </row>
    <row r="11" spans="1:11" ht="20.100000000000001" customHeight="1">
      <c r="A11" s="17" t="s">
        <v>19</v>
      </c>
      <c r="B11" s="17"/>
      <c r="C11" s="13">
        <v>4343</v>
      </c>
      <c r="D11" s="14">
        <v>2271</v>
      </c>
      <c r="E11" s="14">
        <v>2072</v>
      </c>
      <c r="F11" s="14"/>
      <c r="G11" s="18" t="s">
        <v>20</v>
      </c>
      <c r="H11" s="17"/>
      <c r="I11" s="13">
        <v>7280</v>
      </c>
      <c r="J11" s="14">
        <v>3710</v>
      </c>
      <c r="K11" s="14">
        <v>3570</v>
      </c>
    </row>
    <row r="12" spans="1:11" ht="15" customHeight="1">
      <c r="A12" s="17" t="s">
        <v>21</v>
      </c>
      <c r="B12" s="17"/>
      <c r="C12" s="13">
        <v>852</v>
      </c>
      <c r="D12" s="19">
        <v>455</v>
      </c>
      <c r="E12" s="19">
        <v>397</v>
      </c>
      <c r="F12" s="19"/>
      <c r="G12" s="18" t="s">
        <v>22</v>
      </c>
      <c r="H12" s="17"/>
      <c r="I12" s="13">
        <v>1411</v>
      </c>
      <c r="J12" s="19">
        <v>717</v>
      </c>
      <c r="K12" s="19">
        <v>694</v>
      </c>
    </row>
    <row r="13" spans="1:11" ht="15" customHeight="1">
      <c r="A13" s="17" t="s">
        <v>23</v>
      </c>
      <c r="B13" s="17"/>
      <c r="C13" s="13">
        <v>810</v>
      </c>
      <c r="D13" s="19">
        <v>425</v>
      </c>
      <c r="E13" s="19">
        <v>385</v>
      </c>
      <c r="F13" s="19"/>
      <c r="G13" s="18" t="s">
        <v>24</v>
      </c>
      <c r="H13" s="17"/>
      <c r="I13" s="13">
        <v>1653</v>
      </c>
      <c r="J13" s="19">
        <v>884</v>
      </c>
      <c r="K13" s="19">
        <v>769</v>
      </c>
    </row>
    <row r="14" spans="1:11" ht="15" customHeight="1">
      <c r="A14" s="17" t="s">
        <v>25</v>
      </c>
      <c r="B14" s="17"/>
      <c r="C14" s="13">
        <v>854</v>
      </c>
      <c r="D14" s="19">
        <v>447</v>
      </c>
      <c r="E14" s="19">
        <v>407</v>
      </c>
      <c r="F14" s="19"/>
      <c r="G14" s="18" t="s">
        <v>26</v>
      </c>
      <c r="H14" s="17"/>
      <c r="I14" s="13">
        <v>1563</v>
      </c>
      <c r="J14" s="19">
        <v>793</v>
      </c>
      <c r="K14" s="19">
        <v>770</v>
      </c>
    </row>
    <row r="15" spans="1:11" ht="15" customHeight="1">
      <c r="A15" s="17" t="s">
        <v>27</v>
      </c>
      <c r="B15" s="17"/>
      <c r="C15" s="13">
        <v>892</v>
      </c>
      <c r="D15" s="19">
        <v>454</v>
      </c>
      <c r="E15" s="19">
        <v>438</v>
      </c>
      <c r="F15" s="19"/>
      <c r="G15" s="18" t="s">
        <v>28</v>
      </c>
      <c r="H15" s="17"/>
      <c r="I15" s="13">
        <v>1356</v>
      </c>
      <c r="J15" s="19">
        <v>713</v>
      </c>
      <c r="K15" s="19">
        <v>643</v>
      </c>
    </row>
    <row r="16" spans="1:11" ht="15" customHeight="1">
      <c r="A16" s="17" t="s">
        <v>29</v>
      </c>
      <c r="B16" s="17"/>
      <c r="C16" s="13">
        <v>935</v>
      </c>
      <c r="D16" s="19">
        <v>490</v>
      </c>
      <c r="E16" s="19">
        <v>445</v>
      </c>
      <c r="F16" s="19"/>
      <c r="G16" s="18" t="s">
        <v>30</v>
      </c>
      <c r="H16" s="17"/>
      <c r="I16" s="13">
        <v>1297</v>
      </c>
      <c r="J16" s="19">
        <v>603</v>
      </c>
      <c r="K16" s="19">
        <v>694</v>
      </c>
    </row>
    <row r="17" spans="1:11" ht="20.100000000000001" customHeight="1">
      <c r="A17" s="20" t="s">
        <v>31</v>
      </c>
      <c r="B17" s="20"/>
      <c r="C17" s="13">
        <v>5023</v>
      </c>
      <c r="D17" s="14">
        <v>2578</v>
      </c>
      <c r="E17" s="14">
        <v>2445</v>
      </c>
      <c r="F17" s="14"/>
      <c r="G17" s="18" t="s">
        <v>32</v>
      </c>
      <c r="H17" s="17"/>
      <c r="I17" s="13">
        <v>6197</v>
      </c>
      <c r="J17" s="14">
        <v>3029</v>
      </c>
      <c r="K17" s="14">
        <v>3168</v>
      </c>
    </row>
    <row r="18" spans="1:11" ht="15" customHeight="1">
      <c r="A18" s="17" t="s">
        <v>33</v>
      </c>
      <c r="B18" s="17"/>
      <c r="C18" s="13">
        <v>968</v>
      </c>
      <c r="D18" s="19">
        <v>491</v>
      </c>
      <c r="E18" s="19">
        <v>477</v>
      </c>
      <c r="F18" s="19"/>
      <c r="G18" s="18" t="s">
        <v>34</v>
      </c>
      <c r="H18" s="17"/>
      <c r="I18" s="13">
        <v>1308</v>
      </c>
      <c r="J18" s="19">
        <v>667</v>
      </c>
      <c r="K18" s="19">
        <v>641</v>
      </c>
    </row>
    <row r="19" spans="1:11" ht="15" customHeight="1">
      <c r="A19" s="17" t="s">
        <v>35</v>
      </c>
      <c r="B19" s="17"/>
      <c r="C19" s="13">
        <v>1002</v>
      </c>
      <c r="D19" s="19">
        <v>509</v>
      </c>
      <c r="E19" s="19">
        <v>493</v>
      </c>
      <c r="F19" s="19"/>
      <c r="G19" s="18" t="s">
        <v>36</v>
      </c>
      <c r="H19" s="17"/>
      <c r="I19" s="13">
        <v>1309</v>
      </c>
      <c r="J19" s="19">
        <v>617</v>
      </c>
      <c r="K19" s="19">
        <v>692</v>
      </c>
    </row>
    <row r="20" spans="1:11" ht="15" customHeight="1">
      <c r="A20" s="17" t="s">
        <v>37</v>
      </c>
      <c r="B20" s="17"/>
      <c r="C20" s="13">
        <v>1008</v>
      </c>
      <c r="D20" s="19">
        <v>512</v>
      </c>
      <c r="E20" s="19">
        <v>496</v>
      </c>
      <c r="F20" s="19"/>
      <c r="G20" s="18" t="s">
        <v>38</v>
      </c>
      <c r="H20" s="17"/>
      <c r="I20" s="13">
        <v>1268</v>
      </c>
      <c r="J20" s="19">
        <v>611</v>
      </c>
      <c r="K20" s="19">
        <v>657</v>
      </c>
    </row>
    <row r="21" spans="1:11" ht="15" customHeight="1">
      <c r="A21" s="17" t="s">
        <v>39</v>
      </c>
      <c r="B21" s="17"/>
      <c r="C21" s="13">
        <v>1047</v>
      </c>
      <c r="D21" s="19">
        <v>540</v>
      </c>
      <c r="E21" s="19">
        <v>507</v>
      </c>
      <c r="F21" s="19"/>
      <c r="G21" s="18" t="s">
        <v>40</v>
      </c>
      <c r="H21" s="17"/>
      <c r="I21" s="13">
        <v>1196</v>
      </c>
      <c r="J21" s="19">
        <v>575</v>
      </c>
      <c r="K21" s="19">
        <v>621</v>
      </c>
    </row>
    <row r="22" spans="1:11" ht="15" customHeight="1">
      <c r="A22" s="17" t="s">
        <v>41</v>
      </c>
      <c r="B22" s="17"/>
      <c r="C22" s="13">
        <v>998</v>
      </c>
      <c r="D22" s="19">
        <v>526</v>
      </c>
      <c r="E22" s="19">
        <v>472</v>
      </c>
      <c r="F22" s="19"/>
      <c r="G22" s="18" t="s">
        <v>42</v>
      </c>
      <c r="H22" s="17"/>
      <c r="I22" s="13">
        <v>1116</v>
      </c>
      <c r="J22" s="19">
        <v>559</v>
      </c>
      <c r="K22" s="19">
        <v>557</v>
      </c>
    </row>
    <row r="23" spans="1:11" ht="20.100000000000001" customHeight="1">
      <c r="A23" s="17" t="s">
        <v>43</v>
      </c>
      <c r="B23" s="17"/>
      <c r="C23" s="13">
        <v>5780</v>
      </c>
      <c r="D23" s="14">
        <v>3016</v>
      </c>
      <c r="E23" s="14">
        <v>2764</v>
      </c>
      <c r="F23" s="14"/>
      <c r="G23" s="18" t="s">
        <v>44</v>
      </c>
      <c r="H23" s="17"/>
      <c r="I23" s="13">
        <v>6491</v>
      </c>
      <c r="J23" s="14">
        <v>3042</v>
      </c>
      <c r="K23" s="14">
        <v>3449</v>
      </c>
    </row>
    <row r="24" spans="1:11" ht="15" customHeight="1">
      <c r="A24" s="17" t="s">
        <v>45</v>
      </c>
      <c r="B24" s="17"/>
      <c r="C24" s="13">
        <v>1140</v>
      </c>
      <c r="D24" s="19">
        <v>595</v>
      </c>
      <c r="E24" s="19">
        <v>545</v>
      </c>
      <c r="F24" s="19"/>
      <c r="G24" s="18" t="s">
        <v>46</v>
      </c>
      <c r="H24" s="17"/>
      <c r="I24" s="13">
        <v>1223</v>
      </c>
      <c r="J24" s="19">
        <v>583</v>
      </c>
      <c r="K24" s="19">
        <v>640</v>
      </c>
    </row>
    <row r="25" spans="1:11" ht="15" customHeight="1">
      <c r="A25" s="17" t="s">
        <v>47</v>
      </c>
      <c r="B25" s="17"/>
      <c r="C25" s="13">
        <v>1069</v>
      </c>
      <c r="D25" s="19">
        <v>544</v>
      </c>
      <c r="E25" s="19">
        <v>525</v>
      </c>
      <c r="F25" s="19"/>
      <c r="G25" s="18" t="s">
        <v>48</v>
      </c>
      <c r="H25" s="17"/>
      <c r="I25" s="13">
        <v>1241</v>
      </c>
      <c r="J25" s="19">
        <v>592</v>
      </c>
      <c r="K25" s="19">
        <v>649</v>
      </c>
    </row>
    <row r="26" spans="1:11" ht="15" customHeight="1">
      <c r="A26" s="17" t="s">
        <v>49</v>
      </c>
      <c r="B26" s="17"/>
      <c r="C26" s="13">
        <v>1112</v>
      </c>
      <c r="D26" s="19">
        <v>589</v>
      </c>
      <c r="E26" s="19">
        <v>523</v>
      </c>
      <c r="F26" s="19"/>
      <c r="G26" s="18" t="s">
        <v>50</v>
      </c>
      <c r="H26" s="17"/>
      <c r="I26" s="13">
        <v>1233</v>
      </c>
      <c r="J26" s="19">
        <v>593</v>
      </c>
      <c r="K26" s="19">
        <v>640</v>
      </c>
    </row>
    <row r="27" spans="1:11" ht="15" customHeight="1">
      <c r="A27" s="17" t="s">
        <v>51</v>
      </c>
      <c r="B27" s="17"/>
      <c r="C27" s="13">
        <v>1181</v>
      </c>
      <c r="D27" s="19">
        <v>624</v>
      </c>
      <c r="E27" s="19">
        <v>557</v>
      </c>
      <c r="F27" s="19"/>
      <c r="G27" s="18" t="s">
        <v>52</v>
      </c>
      <c r="H27" s="17"/>
      <c r="I27" s="13">
        <v>1302</v>
      </c>
      <c r="J27" s="19">
        <v>601</v>
      </c>
      <c r="K27" s="19">
        <v>701</v>
      </c>
    </row>
    <row r="28" spans="1:11" ht="15" customHeight="1">
      <c r="A28" s="17" t="s">
        <v>53</v>
      </c>
      <c r="B28" s="17"/>
      <c r="C28" s="13">
        <v>1278</v>
      </c>
      <c r="D28" s="19">
        <v>664</v>
      </c>
      <c r="E28" s="19">
        <v>614</v>
      </c>
      <c r="F28" s="19"/>
      <c r="G28" s="18" t="s">
        <v>54</v>
      </c>
      <c r="H28" s="17"/>
      <c r="I28" s="13">
        <v>1492</v>
      </c>
      <c r="J28" s="19">
        <v>673</v>
      </c>
      <c r="K28" s="19">
        <v>819</v>
      </c>
    </row>
    <row r="29" spans="1:11" ht="20.100000000000001" customHeight="1">
      <c r="A29" s="17" t="s">
        <v>55</v>
      </c>
      <c r="B29" s="17"/>
      <c r="C29" s="13">
        <v>5526</v>
      </c>
      <c r="D29" s="14">
        <v>2723</v>
      </c>
      <c r="E29" s="14">
        <v>2803</v>
      </c>
      <c r="F29" s="14"/>
      <c r="G29" s="18" t="s">
        <v>56</v>
      </c>
      <c r="H29" s="17"/>
      <c r="I29" s="13">
        <v>9356</v>
      </c>
      <c r="J29" s="14">
        <v>4121</v>
      </c>
      <c r="K29" s="14">
        <v>5235</v>
      </c>
    </row>
    <row r="30" spans="1:11" ht="15" customHeight="1">
      <c r="A30" s="17" t="s">
        <v>57</v>
      </c>
      <c r="B30" s="17"/>
      <c r="C30" s="13">
        <v>1189</v>
      </c>
      <c r="D30" s="19">
        <v>577</v>
      </c>
      <c r="E30" s="19">
        <v>612</v>
      </c>
      <c r="F30" s="19"/>
      <c r="G30" s="18" t="s">
        <v>58</v>
      </c>
      <c r="H30" s="17"/>
      <c r="I30" s="13">
        <v>1575</v>
      </c>
      <c r="J30" s="19">
        <v>711</v>
      </c>
      <c r="K30" s="19">
        <v>864</v>
      </c>
    </row>
    <row r="31" spans="1:11" ht="15" customHeight="1">
      <c r="A31" s="17" t="s">
        <v>59</v>
      </c>
      <c r="B31" s="17"/>
      <c r="C31" s="13">
        <v>1135</v>
      </c>
      <c r="D31" s="19">
        <v>560</v>
      </c>
      <c r="E31" s="19">
        <v>575</v>
      </c>
      <c r="F31" s="19"/>
      <c r="G31" s="18" t="s">
        <v>60</v>
      </c>
      <c r="H31" s="17"/>
      <c r="I31" s="13">
        <v>1724</v>
      </c>
      <c r="J31" s="19">
        <v>768</v>
      </c>
      <c r="K31" s="19">
        <v>956</v>
      </c>
    </row>
    <row r="32" spans="1:11" ht="15" customHeight="1">
      <c r="A32" s="17" t="s">
        <v>61</v>
      </c>
      <c r="B32" s="17"/>
      <c r="C32" s="13">
        <v>1128</v>
      </c>
      <c r="D32" s="19">
        <v>572</v>
      </c>
      <c r="E32" s="19">
        <v>556</v>
      </c>
      <c r="F32" s="19"/>
      <c r="G32" s="18" t="s">
        <v>62</v>
      </c>
      <c r="H32" s="17"/>
      <c r="I32" s="13">
        <v>1939</v>
      </c>
      <c r="J32" s="19">
        <v>841</v>
      </c>
      <c r="K32" s="19">
        <v>1098</v>
      </c>
    </row>
    <row r="33" spans="1:11" ht="15" customHeight="1">
      <c r="A33" s="17" t="s">
        <v>63</v>
      </c>
      <c r="B33" s="17"/>
      <c r="C33" s="13">
        <v>1056</v>
      </c>
      <c r="D33" s="19">
        <v>537</v>
      </c>
      <c r="E33" s="19">
        <v>519</v>
      </c>
      <c r="F33" s="19"/>
      <c r="G33" s="18" t="s">
        <v>64</v>
      </c>
      <c r="H33" s="17"/>
      <c r="I33" s="13">
        <v>1994</v>
      </c>
      <c r="J33" s="19">
        <v>847</v>
      </c>
      <c r="K33" s="19">
        <v>1147</v>
      </c>
    </row>
    <row r="34" spans="1:11" ht="15" customHeight="1">
      <c r="A34" s="17" t="s">
        <v>65</v>
      </c>
      <c r="B34" s="17"/>
      <c r="C34" s="13">
        <v>1018</v>
      </c>
      <c r="D34" s="19">
        <v>477</v>
      </c>
      <c r="E34" s="19">
        <v>541</v>
      </c>
      <c r="F34" s="19"/>
      <c r="G34" s="18" t="s">
        <v>66</v>
      </c>
      <c r="H34" s="17"/>
      <c r="I34" s="13">
        <v>2124</v>
      </c>
      <c r="J34" s="19">
        <v>954</v>
      </c>
      <c r="K34" s="19">
        <v>1170</v>
      </c>
    </row>
    <row r="35" spans="1:11" ht="20.100000000000001" customHeight="1">
      <c r="A35" s="17" t="s">
        <v>67</v>
      </c>
      <c r="B35" s="17"/>
      <c r="C35" s="13">
        <v>4751</v>
      </c>
      <c r="D35" s="14">
        <v>2297</v>
      </c>
      <c r="E35" s="14">
        <v>2454</v>
      </c>
      <c r="F35" s="14"/>
      <c r="G35" s="18" t="s">
        <v>68</v>
      </c>
      <c r="H35" s="17"/>
      <c r="I35" s="13">
        <v>8338</v>
      </c>
      <c r="J35" s="14">
        <v>3651</v>
      </c>
      <c r="K35" s="14">
        <v>4687</v>
      </c>
    </row>
    <row r="36" spans="1:11" ht="15" customHeight="1">
      <c r="A36" s="17" t="s">
        <v>69</v>
      </c>
      <c r="B36" s="17"/>
      <c r="C36" s="13">
        <v>945</v>
      </c>
      <c r="D36" s="19">
        <v>489</v>
      </c>
      <c r="E36" s="19">
        <v>456</v>
      </c>
      <c r="F36" s="19"/>
      <c r="G36" s="18" t="s">
        <v>70</v>
      </c>
      <c r="H36" s="17"/>
      <c r="I36" s="13">
        <v>1544</v>
      </c>
      <c r="J36" s="19">
        <v>664</v>
      </c>
      <c r="K36" s="19">
        <v>880</v>
      </c>
    </row>
    <row r="37" spans="1:11" ht="15" customHeight="1">
      <c r="A37" s="17" t="s">
        <v>71</v>
      </c>
      <c r="B37" s="17"/>
      <c r="C37" s="13">
        <v>927</v>
      </c>
      <c r="D37" s="19">
        <v>450</v>
      </c>
      <c r="E37" s="19">
        <v>477</v>
      </c>
      <c r="F37" s="19"/>
      <c r="G37" s="18" t="s">
        <v>72</v>
      </c>
      <c r="H37" s="17"/>
      <c r="I37" s="13">
        <v>1420</v>
      </c>
      <c r="J37" s="19">
        <v>613</v>
      </c>
      <c r="K37" s="19">
        <v>807</v>
      </c>
    </row>
    <row r="38" spans="1:11" ht="15" customHeight="1">
      <c r="A38" s="17" t="s">
        <v>73</v>
      </c>
      <c r="B38" s="17"/>
      <c r="C38" s="13">
        <v>951</v>
      </c>
      <c r="D38" s="19">
        <v>438</v>
      </c>
      <c r="E38" s="19">
        <v>513</v>
      </c>
      <c r="F38" s="19"/>
      <c r="G38" s="18" t="s">
        <v>74</v>
      </c>
      <c r="H38" s="17"/>
      <c r="I38" s="13">
        <v>1746</v>
      </c>
      <c r="J38" s="19">
        <v>738</v>
      </c>
      <c r="K38" s="19">
        <v>1008</v>
      </c>
    </row>
    <row r="39" spans="1:11" ht="15" customHeight="1">
      <c r="A39" s="17" t="s">
        <v>75</v>
      </c>
      <c r="B39" s="17"/>
      <c r="C39" s="13">
        <v>959</v>
      </c>
      <c r="D39" s="19">
        <v>434</v>
      </c>
      <c r="E39" s="19">
        <v>525</v>
      </c>
      <c r="F39" s="19"/>
      <c r="G39" s="18" t="s">
        <v>76</v>
      </c>
      <c r="H39" s="17"/>
      <c r="I39" s="13">
        <v>1881</v>
      </c>
      <c r="J39" s="19">
        <v>833</v>
      </c>
      <c r="K39" s="19">
        <v>1048</v>
      </c>
    </row>
    <row r="40" spans="1:11" ht="15" customHeight="1">
      <c r="A40" s="17" t="s">
        <v>77</v>
      </c>
      <c r="B40" s="17"/>
      <c r="C40" s="13">
        <v>969</v>
      </c>
      <c r="D40" s="19">
        <v>486</v>
      </c>
      <c r="E40" s="19">
        <v>483</v>
      </c>
      <c r="F40" s="19"/>
      <c r="G40" s="18" t="s">
        <v>78</v>
      </c>
      <c r="H40" s="17"/>
      <c r="I40" s="13">
        <v>1747</v>
      </c>
      <c r="J40" s="19">
        <v>803</v>
      </c>
      <c r="K40" s="19">
        <v>944</v>
      </c>
    </row>
    <row r="41" spans="1:11" ht="20.100000000000001" customHeight="1">
      <c r="A41" s="17" t="s">
        <v>79</v>
      </c>
      <c r="B41" s="17"/>
      <c r="C41" s="13">
        <v>5316</v>
      </c>
      <c r="D41" s="14">
        <v>2731</v>
      </c>
      <c r="E41" s="14">
        <v>2585</v>
      </c>
      <c r="F41" s="14"/>
      <c r="G41" s="18" t="s">
        <v>80</v>
      </c>
      <c r="H41" s="17"/>
      <c r="I41" s="13">
        <v>7009</v>
      </c>
      <c r="J41" s="14">
        <v>3231</v>
      </c>
      <c r="K41" s="14">
        <v>3778</v>
      </c>
    </row>
    <row r="42" spans="1:11" ht="15" customHeight="1">
      <c r="A42" s="17" t="s">
        <v>81</v>
      </c>
      <c r="B42" s="17"/>
      <c r="C42" s="13">
        <v>1024</v>
      </c>
      <c r="D42" s="19">
        <v>552</v>
      </c>
      <c r="E42" s="19">
        <v>472</v>
      </c>
      <c r="F42" s="19"/>
      <c r="G42" s="18" t="s">
        <v>82</v>
      </c>
      <c r="H42" s="17"/>
      <c r="I42" s="13">
        <v>1741</v>
      </c>
      <c r="J42" s="19">
        <v>786</v>
      </c>
      <c r="K42" s="19">
        <v>955</v>
      </c>
    </row>
    <row r="43" spans="1:11" ht="15" customHeight="1">
      <c r="A43" s="17" t="s">
        <v>83</v>
      </c>
      <c r="B43" s="17"/>
      <c r="C43" s="13">
        <v>1022</v>
      </c>
      <c r="D43" s="19">
        <v>528</v>
      </c>
      <c r="E43" s="19">
        <v>494</v>
      </c>
      <c r="F43" s="19"/>
      <c r="G43" s="18" t="s">
        <v>84</v>
      </c>
      <c r="H43" s="17"/>
      <c r="I43" s="13">
        <v>1548</v>
      </c>
      <c r="J43" s="19">
        <v>680</v>
      </c>
      <c r="K43" s="19">
        <v>868</v>
      </c>
    </row>
    <row r="44" spans="1:11" ht="15" customHeight="1">
      <c r="A44" s="17" t="s">
        <v>85</v>
      </c>
      <c r="B44" s="17"/>
      <c r="C44" s="13">
        <v>1049</v>
      </c>
      <c r="D44" s="19">
        <v>530</v>
      </c>
      <c r="E44" s="19">
        <v>519</v>
      </c>
      <c r="F44" s="19"/>
      <c r="G44" s="18" t="s">
        <v>86</v>
      </c>
      <c r="H44" s="17"/>
      <c r="I44" s="13">
        <v>1344</v>
      </c>
      <c r="J44" s="19">
        <v>603</v>
      </c>
      <c r="K44" s="19">
        <v>741</v>
      </c>
    </row>
    <row r="45" spans="1:11" ht="15" customHeight="1">
      <c r="A45" s="17" t="s">
        <v>87</v>
      </c>
      <c r="B45" s="17"/>
      <c r="C45" s="13">
        <v>1101</v>
      </c>
      <c r="D45" s="19">
        <v>556</v>
      </c>
      <c r="E45" s="19">
        <v>545</v>
      </c>
      <c r="F45" s="19"/>
      <c r="G45" s="18" t="s">
        <v>88</v>
      </c>
      <c r="H45" s="17"/>
      <c r="I45" s="13">
        <v>1157</v>
      </c>
      <c r="J45" s="19">
        <v>551</v>
      </c>
      <c r="K45" s="19">
        <v>606</v>
      </c>
    </row>
    <row r="46" spans="1:11" ht="15" customHeight="1">
      <c r="A46" s="17" t="s">
        <v>89</v>
      </c>
      <c r="B46" s="17"/>
      <c r="C46" s="13">
        <v>1120</v>
      </c>
      <c r="D46" s="19">
        <v>565</v>
      </c>
      <c r="E46" s="19">
        <v>555</v>
      </c>
      <c r="F46" s="19"/>
      <c r="G46" s="18" t="s">
        <v>90</v>
      </c>
      <c r="H46" s="17"/>
      <c r="I46" s="13">
        <v>1219</v>
      </c>
      <c r="J46" s="19">
        <v>611</v>
      </c>
      <c r="K46" s="19">
        <v>608</v>
      </c>
    </row>
    <row r="47" spans="1:11" ht="20.100000000000001" customHeight="1">
      <c r="A47" s="17" t="s">
        <v>91</v>
      </c>
      <c r="B47" s="17"/>
      <c r="C47" s="13">
        <v>5968</v>
      </c>
      <c r="D47" s="14">
        <v>3062</v>
      </c>
      <c r="E47" s="14">
        <v>2906</v>
      </c>
      <c r="F47" s="14"/>
      <c r="G47" s="18" t="s">
        <v>92</v>
      </c>
      <c r="H47" s="17"/>
      <c r="I47" s="13">
        <v>4083</v>
      </c>
      <c r="J47" s="14">
        <v>1817</v>
      </c>
      <c r="K47" s="14">
        <v>2266</v>
      </c>
    </row>
    <row r="48" spans="1:11" ht="15" customHeight="1">
      <c r="A48" s="17" t="s">
        <v>93</v>
      </c>
      <c r="B48" s="17"/>
      <c r="C48" s="13">
        <v>1071</v>
      </c>
      <c r="D48" s="19">
        <v>573</v>
      </c>
      <c r="E48" s="19">
        <v>498</v>
      </c>
      <c r="F48" s="19"/>
      <c r="G48" s="18" t="s">
        <v>94</v>
      </c>
      <c r="H48" s="17"/>
      <c r="I48" s="13">
        <v>1077</v>
      </c>
      <c r="J48" s="19">
        <v>470</v>
      </c>
      <c r="K48" s="19">
        <v>607</v>
      </c>
    </row>
    <row r="49" spans="1:11" ht="15" customHeight="1">
      <c r="A49" s="17" t="s">
        <v>95</v>
      </c>
      <c r="B49" s="17"/>
      <c r="C49" s="13">
        <v>1154</v>
      </c>
      <c r="D49" s="19">
        <v>581</v>
      </c>
      <c r="E49" s="19">
        <v>573</v>
      </c>
      <c r="F49" s="19"/>
      <c r="G49" s="18" t="s">
        <v>96</v>
      </c>
      <c r="H49" s="17"/>
      <c r="I49" s="13">
        <v>965</v>
      </c>
      <c r="J49" s="19">
        <v>457</v>
      </c>
      <c r="K49" s="19">
        <v>508</v>
      </c>
    </row>
    <row r="50" spans="1:11" ht="15" customHeight="1">
      <c r="A50" s="17" t="s">
        <v>97</v>
      </c>
      <c r="B50" s="17"/>
      <c r="C50" s="13">
        <v>1201</v>
      </c>
      <c r="D50" s="19">
        <v>626</v>
      </c>
      <c r="E50" s="19">
        <v>575</v>
      </c>
      <c r="F50" s="19"/>
      <c r="G50" s="18" t="s">
        <v>98</v>
      </c>
      <c r="H50" s="17"/>
      <c r="I50" s="13">
        <v>796</v>
      </c>
      <c r="J50" s="19">
        <v>360</v>
      </c>
      <c r="K50" s="19">
        <v>436</v>
      </c>
    </row>
    <row r="51" spans="1:11" ht="15" customHeight="1">
      <c r="A51" s="17" t="s">
        <v>99</v>
      </c>
      <c r="B51" s="17"/>
      <c r="C51" s="13">
        <v>1265</v>
      </c>
      <c r="D51" s="19">
        <v>638</v>
      </c>
      <c r="E51" s="19">
        <v>627</v>
      </c>
      <c r="F51" s="19"/>
      <c r="G51" s="18" t="s">
        <v>100</v>
      </c>
      <c r="H51" s="17"/>
      <c r="I51" s="13">
        <v>621</v>
      </c>
      <c r="J51" s="19">
        <v>266</v>
      </c>
      <c r="K51" s="19">
        <v>355</v>
      </c>
    </row>
    <row r="52" spans="1:11" ht="15" customHeight="1">
      <c r="A52" s="17" t="s">
        <v>101</v>
      </c>
      <c r="B52" s="17"/>
      <c r="C52" s="13">
        <v>1277</v>
      </c>
      <c r="D52" s="19">
        <v>644</v>
      </c>
      <c r="E52" s="19">
        <v>633</v>
      </c>
      <c r="F52" s="19"/>
      <c r="G52" s="18" t="s">
        <v>102</v>
      </c>
      <c r="H52" s="17"/>
      <c r="I52" s="13">
        <v>624</v>
      </c>
      <c r="J52" s="19">
        <v>264</v>
      </c>
      <c r="K52" s="19">
        <v>360</v>
      </c>
    </row>
    <row r="53" spans="1:11" ht="20.100000000000001" customHeight="1">
      <c r="A53" s="17" t="s">
        <v>103</v>
      </c>
      <c r="B53" s="17"/>
      <c r="C53" s="13">
        <v>7216</v>
      </c>
      <c r="D53" s="14">
        <v>3619</v>
      </c>
      <c r="E53" s="14">
        <v>3597</v>
      </c>
      <c r="F53" s="14"/>
      <c r="G53" s="18" t="s">
        <v>104</v>
      </c>
      <c r="H53" s="17"/>
      <c r="I53" s="13">
        <v>1687</v>
      </c>
      <c r="J53" s="14">
        <v>541</v>
      </c>
      <c r="K53" s="14">
        <v>1146</v>
      </c>
    </row>
    <row r="54" spans="1:11" ht="15" customHeight="1">
      <c r="A54" s="17" t="s">
        <v>105</v>
      </c>
      <c r="B54" s="17"/>
      <c r="C54" s="13">
        <v>1344</v>
      </c>
      <c r="D54" s="19">
        <v>649</v>
      </c>
      <c r="E54" s="19">
        <v>695</v>
      </c>
      <c r="F54" s="19"/>
      <c r="G54" s="18" t="s">
        <v>106</v>
      </c>
      <c r="H54" s="17"/>
      <c r="I54" s="13">
        <v>515</v>
      </c>
      <c r="J54" s="19">
        <v>189</v>
      </c>
      <c r="K54" s="19">
        <v>326</v>
      </c>
    </row>
    <row r="55" spans="1:11" ht="15" customHeight="1">
      <c r="A55" s="17" t="s">
        <v>107</v>
      </c>
      <c r="B55" s="17"/>
      <c r="C55" s="13">
        <v>1313</v>
      </c>
      <c r="D55" s="19">
        <v>695</v>
      </c>
      <c r="E55" s="19">
        <v>618</v>
      </c>
      <c r="F55" s="19"/>
      <c r="G55" s="18" t="s">
        <v>108</v>
      </c>
      <c r="H55" s="17"/>
      <c r="I55" s="13">
        <v>381</v>
      </c>
      <c r="J55" s="19">
        <v>117</v>
      </c>
      <c r="K55" s="19">
        <v>264</v>
      </c>
    </row>
    <row r="56" spans="1:11" ht="15" customHeight="1">
      <c r="A56" s="17" t="s">
        <v>109</v>
      </c>
      <c r="B56" s="17"/>
      <c r="C56" s="13">
        <v>1458</v>
      </c>
      <c r="D56" s="19">
        <v>737</v>
      </c>
      <c r="E56" s="19">
        <v>721</v>
      </c>
      <c r="F56" s="19"/>
      <c r="G56" s="18" t="s">
        <v>110</v>
      </c>
      <c r="H56" s="17"/>
      <c r="I56" s="13">
        <v>331</v>
      </c>
      <c r="J56" s="19">
        <v>97</v>
      </c>
      <c r="K56" s="19">
        <v>234</v>
      </c>
    </row>
    <row r="57" spans="1:11" ht="15" customHeight="1">
      <c r="A57" s="17" t="s">
        <v>111</v>
      </c>
      <c r="B57" s="17"/>
      <c r="C57" s="13">
        <v>1506</v>
      </c>
      <c r="D57" s="19">
        <v>730</v>
      </c>
      <c r="E57" s="19">
        <v>776</v>
      </c>
      <c r="F57" s="19"/>
      <c r="G57" s="18" t="s">
        <v>112</v>
      </c>
      <c r="H57" s="17"/>
      <c r="I57" s="13">
        <v>283</v>
      </c>
      <c r="J57" s="19">
        <v>83</v>
      </c>
      <c r="K57" s="19">
        <v>200</v>
      </c>
    </row>
    <row r="58" spans="1:11" ht="15" customHeight="1">
      <c r="A58" s="17" t="s">
        <v>113</v>
      </c>
      <c r="B58" s="17"/>
      <c r="C58" s="13">
        <v>1595</v>
      </c>
      <c r="D58" s="19">
        <v>808</v>
      </c>
      <c r="E58" s="19">
        <v>787</v>
      </c>
      <c r="F58" s="19"/>
      <c r="G58" s="18" t="s">
        <v>114</v>
      </c>
      <c r="H58" s="17"/>
      <c r="I58" s="13">
        <v>177</v>
      </c>
      <c r="J58" s="19">
        <v>55</v>
      </c>
      <c r="K58" s="19">
        <v>122</v>
      </c>
    </row>
    <row r="59" spans="1:11" ht="20.100000000000001" customHeight="1">
      <c r="A59" s="17" t="s">
        <v>115</v>
      </c>
      <c r="B59" s="17"/>
      <c r="C59" s="13">
        <v>9695</v>
      </c>
      <c r="D59" s="14">
        <v>4820</v>
      </c>
      <c r="E59" s="14">
        <v>4875</v>
      </c>
      <c r="F59" s="14"/>
      <c r="G59" s="18" t="s">
        <v>116</v>
      </c>
      <c r="H59" s="17"/>
      <c r="I59" s="13">
        <v>496</v>
      </c>
      <c r="J59" s="14">
        <v>102</v>
      </c>
      <c r="K59" s="14">
        <v>394</v>
      </c>
    </row>
    <row r="60" spans="1:11" ht="15" customHeight="1">
      <c r="A60" s="17" t="s">
        <v>117</v>
      </c>
      <c r="B60" s="17"/>
      <c r="C60" s="13">
        <v>1643</v>
      </c>
      <c r="D60" s="19">
        <v>805</v>
      </c>
      <c r="E60" s="19">
        <v>838</v>
      </c>
      <c r="F60" s="19"/>
      <c r="G60" s="18" t="s">
        <v>118</v>
      </c>
      <c r="H60" s="17"/>
      <c r="I60" s="13">
        <v>181</v>
      </c>
      <c r="J60" s="19">
        <v>38</v>
      </c>
      <c r="K60" s="19">
        <v>143</v>
      </c>
    </row>
    <row r="61" spans="1:11" ht="15" customHeight="1">
      <c r="A61" s="17" t="s">
        <v>119</v>
      </c>
      <c r="B61" s="17"/>
      <c r="C61" s="13">
        <v>1826</v>
      </c>
      <c r="D61" s="19">
        <v>924</v>
      </c>
      <c r="E61" s="19">
        <v>902</v>
      </c>
      <c r="F61" s="19"/>
      <c r="G61" s="18" t="s">
        <v>120</v>
      </c>
      <c r="H61" s="17"/>
      <c r="I61" s="13">
        <v>141</v>
      </c>
      <c r="J61" s="19">
        <v>37</v>
      </c>
      <c r="K61" s="19">
        <v>104</v>
      </c>
    </row>
    <row r="62" spans="1:11" ht="15" customHeight="1">
      <c r="A62" s="17" t="s">
        <v>121</v>
      </c>
      <c r="B62" s="17"/>
      <c r="C62" s="13">
        <v>1983</v>
      </c>
      <c r="D62" s="19">
        <v>1005</v>
      </c>
      <c r="E62" s="19">
        <v>978</v>
      </c>
      <c r="F62" s="19"/>
      <c r="G62" s="18" t="s">
        <v>122</v>
      </c>
      <c r="H62" s="17"/>
      <c r="I62" s="13">
        <v>79</v>
      </c>
      <c r="J62" s="19">
        <v>10</v>
      </c>
      <c r="K62" s="19">
        <v>69</v>
      </c>
    </row>
    <row r="63" spans="1:11" ht="15" customHeight="1">
      <c r="A63" s="17" t="s">
        <v>123</v>
      </c>
      <c r="B63" s="17"/>
      <c r="C63" s="13">
        <v>2187</v>
      </c>
      <c r="D63" s="19">
        <v>1081</v>
      </c>
      <c r="E63" s="19">
        <v>1106</v>
      </c>
      <c r="F63" s="19"/>
      <c r="G63" s="18" t="s">
        <v>124</v>
      </c>
      <c r="H63" s="17"/>
      <c r="I63" s="13">
        <v>65</v>
      </c>
      <c r="J63" s="19">
        <v>16</v>
      </c>
      <c r="K63" s="19">
        <v>49</v>
      </c>
    </row>
    <row r="64" spans="1:11" ht="15" customHeight="1">
      <c r="A64" s="17" t="s">
        <v>125</v>
      </c>
      <c r="B64" s="17"/>
      <c r="C64" s="13">
        <v>2056</v>
      </c>
      <c r="D64" s="19">
        <v>1005</v>
      </c>
      <c r="E64" s="19">
        <v>1051</v>
      </c>
      <c r="F64" s="19"/>
      <c r="G64" s="18" t="s">
        <v>126</v>
      </c>
      <c r="H64" s="17"/>
      <c r="I64" s="13">
        <v>30</v>
      </c>
      <c r="J64" s="19">
        <v>1</v>
      </c>
      <c r="K64" s="19">
        <v>29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79</v>
      </c>
      <c r="J65" s="19">
        <v>14</v>
      </c>
      <c r="K65" s="19">
        <v>65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1977</v>
      </c>
      <c r="J66" s="27">
        <v>1243</v>
      </c>
      <c r="K66" s="27">
        <v>734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9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52087</v>
      </c>
      <c r="D4" s="14">
        <v>73689</v>
      </c>
      <c r="E4" s="14">
        <v>7839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214</v>
      </c>
      <c r="D5" s="14">
        <v>2626</v>
      </c>
      <c r="E5" s="14">
        <v>2588</v>
      </c>
      <c r="F5" s="14"/>
      <c r="G5" s="18" t="s">
        <v>8</v>
      </c>
      <c r="H5" s="17"/>
      <c r="I5" s="13">
        <v>12912</v>
      </c>
      <c r="J5" s="14">
        <v>6529</v>
      </c>
      <c r="K5" s="14">
        <v>6383</v>
      </c>
    </row>
    <row r="6" spans="1:11" ht="15" customHeight="1">
      <c r="A6" s="17" t="s">
        <v>9</v>
      </c>
      <c r="B6" s="17"/>
      <c r="C6" s="13">
        <v>983</v>
      </c>
      <c r="D6" s="19">
        <v>476</v>
      </c>
      <c r="E6" s="19">
        <v>507</v>
      </c>
      <c r="F6" s="19"/>
      <c r="G6" s="18" t="s">
        <v>10</v>
      </c>
      <c r="H6" s="17"/>
      <c r="I6" s="13">
        <v>2644</v>
      </c>
      <c r="J6" s="19">
        <v>1322</v>
      </c>
      <c r="K6" s="19">
        <v>1322</v>
      </c>
    </row>
    <row r="7" spans="1:11" ht="15" customHeight="1">
      <c r="A7" s="17" t="s">
        <v>11</v>
      </c>
      <c r="B7" s="17"/>
      <c r="C7" s="13">
        <v>987</v>
      </c>
      <c r="D7" s="19">
        <v>517</v>
      </c>
      <c r="E7" s="19">
        <v>470</v>
      </c>
      <c r="F7" s="19"/>
      <c r="G7" s="18" t="s">
        <v>12</v>
      </c>
      <c r="H7" s="17"/>
      <c r="I7" s="13">
        <v>2595</v>
      </c>
      <c r="J7" s="19">
        <v>1287</v>
      </c>
      <c r="K7" s="19">
        <v>1308</v>
      </c>
    </row>
    <row r="8" spans="1:11" ht="15" customHeight="1">
      <c r="A8" s="17" t="s">
        <v>13</v>
      </c>
      <c r="B8" s="17"/>
      <c r="C8" s="13">
        <v>1077</v>
      </c>
      <c r="D8" s="19">
        <v>548</v>
      </c>
      <c r="E8" s="19">
        <v>529</v>
      </c>
      <c r="F8" s="19"/>
      <c r="G8" s="18" t="s">
        <v>14</v>
      </c>
      <c r="H8" s="17"/>
      <c r="I8" s="13">
        <v>2463</v>
      </c>
      <c r="J8" s="19">
        <v>1231</v>
      </c>
      <c r="K8" s="19">
        <v>1232</v>
      </c>
    </row>
    <row r="9" spans="1:11" ht="15" customHeight="1">
      <c r="A9" s="17" t="s">
        <v>15</v>
      </c>
      <c r="B9" s="17"/>
      <c r="C9" s="13">
        <v>1095</v>
      </c>
      <c r="D9" s="19">
        <v>553</v>
      </c>
      <c r="E9" s="19">
        <v>542</v>
      </c>
      <c r="F9" s="19"/>
      <c r="G9" s="18" t="s">
        <v>16</v>
      </c>
      <c r="H9" s="17"/>
      <c r="I9" s="13">
        <v>2599</v>
      </c>
      <c r="J9" s="19">
        <v>1340</v>
      </c>
      <c r="K9" s="19">
        <v>1259</v>
      </c>
    </row>
    <row r="10" spans="1:11" ht="15" customHeight="1">
      <c r="A10" s="17" t="s">
        <v>17</v>
      </c>
      <c r="B10" s="17"/>
      <c r="C10" s="13">
        <v>1072</v>
      </c>
      <c r="D10" s="19">
        <v>532</v>
      </c>
      <c r="E10" s="19">
        <v>540</v>
      </c>
      <c r="F10" s="19"/>
      <c r="G10" s="18" t="s">
        <v>18</v>
      </c>
      <c r="H10" s="17"/>
      <c r="I10" s="13">
        <v>2611</v>
      </c>
      <c r="J10" s="19">
        <v>1349</v>
      </c>
      <c r="K10" s="19">
        <v>1262</v>
      </c>
    </row>
    <row r="11" spans="1:11" ht="20.100000000000001" customHeight="1">
      <c r="A11" s="17" t="s">
        <v>19</v>
      </c>
      <c r="B11" s="17"/>
      <c r="C11" s="13">
        <v>5719</v>
      </c>
      <c r="D11" s="14">
        <v>2979</v>
      </c>
      <c r="E11" s="14">
        <v>2740</v>
      </c>
      <c r="F11" s="14"/>
      <c r="G11" s="18" t="s">
        <v>20</v>
      </c>
      <c r="H11" s="17"/>
      <c r="I11" s="13">
        <v>10214</v>
      </c>
      <c r="J11" s="14">
        <v>5131</v>
      </c>
      <c r="K11" s="14">
        <v>5083</v>
      </c>
    </row>
    <row r="12" spans="1:11" ht="15" customHeight="1">
      <c r="A12" s="17" t="s">
        <v>21</v>
      </c>
      <c r="B12" s="17"/>
      <c r="C12" s="13">
        <v>1064</v>
      </c>
      <c r="D12" s="19">
        <v>558</v>
      </c>
      <c r="E12" s="19">
        <v>506</v>
      </c>
      <c r="F12" s="19"/>
      <c r="G12" s="18" t="s">
        <v>22</v>
      </c>
      <c r="H12" s="17"/>
      <c r="I12" s="13">
        <v>1859</v>
      </c>
      <c r="J12" s="19">
        <v>920</v>
      </c>
      <c r="K12" s="19">
        <v>939</v>
      </c>
    </row>
    <row r="13" spans="1:11" ht="15" customHeight="1">
      <c r="A13" s="17" t="s">
        <v>23</v>
      </c>
      <c r="B13" s="17"/>
      <c r="C13" s="13">
        <v>1165</v>
      </c>
      <c r="D13" s="19">
        <v>599</v>
      </c>
      <c r="E13" s="19">
        <v>566</v>
      </c>
      <c r="F13" s="19"/>
      <c r="G13" s="18" t="s">
        <v>24</v>
      </c>
      <c r="H13" s="17"/>
      <c r="I13" s="13">
        <v>2350</v>
      </c>
      <c r="J13" s="19">
        <v>1218</v>
      </c>
      <c r="K13" s="19">
        <v>1132</v>
      </c>
    </row>
    <row r="14" spans="1:11" ht="15" customHeight="1">
      <c r="A14" s="17" t="s">
        <v>25</v>
      </c>
      <c r="B14" s="17"/>
      <c r="C14" s="13">
        <v>1122</v>
      </c>
      <c r="D14" s="19">
        <v>600</v>
      </c>
      <c r="E14" s="19">
        <v>522</v>
      </c>
      <c r="F14" s="19"/>
      <c r="G14" s="18" t="s">
        <v>26</v>
      </c>
      <c r="H14" s="17"/>
      <c r="I14" s="13">
        <v>2145</v>
      </c>
      <c r="J14" s="19">
        <v>1058</v>
      </c>
      <c r="K14" s="19">
        <v>1087</v>
      </c>
    </row>
    <row r="15" spans="1:11" ht="15" customHeight="1">
      <c r="A15" s="17" t="s">
        <v>27</v>
      </c>
      <c r="B15" s="17"/>
      <c r="C15" s="13">
        <v>1116</v>
      </c>
      <c r="D15" s="19">
        <v>584</v>
      </c>
      <c r="E15" s="19">
        <v>532</v>
      </c>
      <c r="F15" s="19"/>
      <c r="G15" s="18" t="s">
        <v>28</v>
      </c>
      <c r="H15" s="17"/>
      <c r="I15" s="13">
        <v>1949</v>
      </c>
      <c r="J15" s="19">
        <v>968</v>
      </c>
      <c r="K15" s="19">
        <v>981</v>
      </c>
    </row>
    <row r="16" spans="1:11" ht="15" customHeight="1">
      <c r="A16" s="17" t="s">
        <v>29</v>
      </c>
      <c r="B16" s="17"/>
      <c r="C16" s="13">
        <v>1252</v>
      </c>
      <c r="D16" s="19">
        <v>638</v>
      </c>
      <c r="E16" s="19">
        <v>614</v>
      </c>
      <c r="F16" s="19"/>
      <c r="G16" s="18" t="s">
        <v>30</v>
      </c>
      <c r="H16" s="17"/>
      <c r="I16" s="13">
        <v>1911</v>
      </c>
      <c r="J16" s="19">
        <v>967</v>
      </c>
      <c r="K16" s="19">
        <v>944</v>
      </c>
    </row>
    <row r="17" spans="1:11" ht="20.100000000000001" customHeight="1">
      <c r="A17" s="20" t="s">
        <v>31</v>
      </c>
      <c r="B17" s="20"/>
      <c r="C17" s="13">
        <v>6567</v>
      </c>
      <c r="D17" s="14">
        <v>3390</v>
      </c>
      <c r="E17" s="14">
        <v>3177</v>
      </c>
      <c r="F17" s="14"/>
      <c r="G17" s="18" t="s">
        <v>32</v>
      </c>
      <c r="H17" s="17"/>
      <c r="I17" s="13">
        <v>8572</v>
      </c>
      <c r="J17" s="14">
        <v>4324</v>
      </c>
      <c r="K17" s="14">
        <v>4248</v>
      </c>
    </row>
    <row r="18" spans="1:11" ht="15" customHeight="1">
      <c r="A18" s="17" t="s">
        <v>33</v>
      </c>
      <c r="B18" s="17"/>
      <c r="C18" s="13">
        <v>1200</v>
      </c>
      <c r="D18" s="19">
        <v>625</v>
      </c>
      <c r="E18" s="19">
        <v>575</v>
      </c>
      <c r="F18" s="19"/>
      <c r="G18" s="18" t="s">
        <v>34</v>
      </c>
      <c r="H18" s="17"/>
      <c r="I18" s="13">
        <v>1816</v>
      </c>
      <c r="J18" s="19">
        <v>920</v>
      </c>
      <c r="K18" s="19">
        <v>896</v>
      </c>
    </row>
    <row r="19" spans="1:11" ht="15" customHeight="1">
      <c r="A19" s="17" t="s">
        <v>35</v>
      </c>
      <c r="B19" s="17"/>
      <c r="C19" s="13">
        <v>1276</v>
      </c>
      <c r="D19" s="19">
        <v>643</v>
      </c>
      <c r="E19" s="19">
        <v>633</v>
      </c>
      <c r="F19" s="19"/>
      <c r="G19" s="18" t="s">
        <v>36</v>
      </c>
      <c r="H19" s="17"/>
      <c r="I19" s="13">
        <v>1789</v>
      </c>
      <c r="J19" s="19">
        <v>901</v>
      </c>
      <c r="K19" s="19">
        <v>888</v>
      </c>
    </row>
    <row r="20" spans="1:11" ht="15" customHeight="1">
      <c r="A20" s="17" t="s">
        <v>37</v>
      </c>
      <c r="B20" s="17"/>
      <c r="C20" s="13">
        <v>1317</v>
      </c>
      <c r="D20" s="19">
        <v>673</v>
      </c>
      <c r="E20" s="19">
        <v>644</v>
      </c>
      <c r="F20" s="19"/>
      <c r="G20" s="18" t="s">
        <v>38</v>
      </c>
      <c r="H20" s="17"/>
      <c r="I20" s="13">
        <v>1686</v>
      </c>
      <c r="J20" s="19">
        <v>848</v>
      </c>
      <c r="K20" s="19">
        <v>838</v>
      </c>
    </row>
    <row r="21" spans="1:11" ht="15" customHeight="1">
      <c r="A21" s="17" t="s">
        <v>39</v>
      </c>
      <c r="B21" s="17"/>
      <c r="C21" s="13">
        <v>1357</v>
      </c>
      <c r="D21" s="19">
        <v>689</v>
      </c>
      <c r="E21" s="19">
        <v>668</v>
      </c>
      <c r="F21" s="19"/>
      <c r="G21" s="18" t="s">
        <v>40</v>
      </c>
      <c r="H21" s="17"/>
      <c r="I21" s="13">
        <v>1694</v>
      </c>
      <c r="J21" s="19">
        <v>867</v>
      </c>
      <c r="K21" s="19">
        <v>827</v>
      </c>
    </row>
    <row r="22" spans="1:11" ht="15" customHeight="1">
      <c r="A22" s="17" t="s">
        <v>41</v>
      </c>
      <c r="B22" s="17"/>
      <c r="C22" s="13">
        <v>1417</v>
      </c>
      <c r="D22" s="19">
        <v>760</v>
      </c>
      <c r="E22" s="19">
        <v>657</v>
      </c>
      <c r="F22" s="19"/>
      <c r="G22" s="18" t="s">
        <v>42</v>
      </c>
      <c r="H22" s="17"/>
      <c r="I22" s="13">
        <v>1587</v>
      </c>
      <c r="J22" s="19">
        <v>788</v>
      </c>
      <c r="K22" s="19">
        <v>799</v>
      </c>
    </row>
    <row r="23" spans="1:11" ht="20.100000000000001" customHeight="1">
      <c r="A23" s="17" t="s">
        <v>43</v>
      </c>
      <c r="B23" s="17"/>
      <c r="C23" s="13">
        <v>7046</v>
      </c>
      <c r="D23" s="14">
        <v>3648</v>
      </c>
      <c r="E23" s="14">
        <v>3398</v>
      </c>
      <c r="F23" s="14"/>
      <c r="G23" s="18" t="s">
        <v>44</v>
      </c>
      <c r="H23" s="17"/>
      <c r="I23" s="13">
        <v>8495</v>
      </c>
      <c r="J23" s="14">
        <v>4146</v>
      </c>
      <c r="K23" s="14">
        <v>4349</v>
      </c>
    </row>
    <row r="24" spans="1:11" ht="15" customHeight="1">
      <c r="A24" s="17" t="s">
        <v>45</v>
      </c>
      <c r="B24" s="17"/>
      <c r="C24" s="13">
        <v>1395</v>
      </c>
      <c r="D24" s="19">
        <v>750</v>
      </c>
      <c r="E24" s="19">
        <v>645</v>
      </c>
      <c r="F24" s="19"/>
      <c r="G24" s="18" t="s">
        <v>46</v>
      </c>
      <c r="H24" s="17"/>
      <c r="I24" s="13">
        <v>1580</v>
      </c>
      <c r="J24" s="19">
        <v>797</v>
      </c>
      <c r="K24" s="19">
        <v>783</v>
      </c>
    </row>
    <row r="25" spans="1:11" ht="15" customHeight="1">
      <c r="A25" s="17" t="s">
        <v>47</v>
      </c>
      <c r="B25" s="17"/>
      <c r="C25" s="13">
        <v>1317</v>
      </c>
      <c r="D25" s="19">
        <v>674</v>
      </c>
      <c r="E25" s="19">
        <v>643</v>
      </c>
      <c r="F25" s="19"/>
      <c r="G25" s="18" t="s">
        <v>48</v>
      </c>
      <c r="H25" s="17"/>
      <c r="I25" s="13">
        <v>1633</v>
      </c>
      <c r="J25" s="19">
        <v>788</v>
      </c>
      <c r="K25" s="19">
        <v>845</v>
      </c>
    </row>
    <row r="26" spans="1:11" ht="15" customHeight="1">
      <c r="A26" s="17" t="s">
        <v>49</v>
      </c>
      <c r="B26" s="17"/>
      <c r="C26" s="13">
        <v>1419</v>
      </c>
      <c r="D26" s="19">
        <v>747</v>
      </c>
      <c r="E26" s="19">
        <v>672</v>
      </c>
      <c r="F26" s="19"/>
      <c r="G26" s="18" t="s">
        <v>50</v>
      </c>
      <c r="H26" s="17"/>
      <c r="I26" s="13">
        <v>1690</v>
      </c>
      <c r="J26" s="19">
        <v>801</v>
      </c>
      <c r="K26" s="19">
        <v>889</v>
      </c>
    </row>
    <row r="27" spans="1:11" ht="15" customHeight="1">
      <c r="A27" s="17" t="s">
        <v>51</v>
      </c>
      <c r="B27" s="17"/>
      <c r="C27" s="13">
        <v>1474</v>
      </c>
      <c r="D27" s="19">
        <v>771</v>
      </c>
      <c r="E27" s="19">
        <v>703</v>
      </c>
      <c r="F27" s="19"/>
      <c r="G27" s="18" t="s">
        <v>52</v>
      </c>
      <c r="H27" s="17"/>
      <c r="I27" s="13">
        <v>1700</v>
      </c>
      <c r="J27" s="19">
        <v>833</v>
      </c>
      <c r="K27" s="19">
        <v>867</v>
      </c>
    </row>
    <row r="28" spans="1:11" ht="15" customHeight="1">
      <c r="A28" s="17" t="s">
        <v>53</v>
      </c>
      <c r="B28" s="17"/>
      <c r="C28" s="13">
        <v>1441</v>
      </c>
      <c r="D28" s="19">
        <v>706</v>
      </c>
      <c r="E28" s="19">
        <v>735</v>
      </c>
      <c r="F28" s="19"/>
      <c r="G28" s="18" t="s">
        <v>54</v>
      </c>
      <c r="H28" s="17"/>
      <c r="I28" s="13">
        <v>1892</v>
      </c>
      <c r="J28" s="19">
        <v>927</v>
      </c>
      <c r="K28" s="19">
        <v>965</v>
      </c>
    </row>
    <row r="29" spans="1:11" ht="20.100000000000001" customHeight="1">
      <c r="A29" s="17" t="s">
        <v>55</v>
      </c>
      <c r="B29" s="17"/>
      <c r="C29" s="13">
        <v>7274</v>
      </c>
      <c r="D29" s="14">
        <v>3522</v>
      </c>
      <c r="E29" s="14">
        <v>3752</v>
      </c>
      <c r="F29" s="14"/>
      <c r="G29" s="18" t="s">
        <v>56</v>
      </c>
      <c r="H29" s="17"/>
      <c r="I29" s="13">
        <v>11241</v>
      </c>
      <c r="J29" s="14">
        <v>5259</v>
      </c>
      <c r="K29" s="14">
        <v>5982</v>
      </c>
    </row>
    <row r="30" spans="1:11" ht="15" customHeight="1">
      <c r="A30" s="17" t="s">
        <v>57</v>
      </c>
      <c r="B30" s="17"/>
      <c r="C30" s="13">
        <v>1502</v>
      </c>
      <c r="D30" s="19">
        <v>722</v>
      </c>
      <c r="E30" s="19">
        <v>780</v>
      </c>
      <c r="F30" s="19"/>
      <c r="G30" s="18" t="s">
        <v>58</v>
      </c>
      <c r="H30" s="17"/>
      <c r="I30" s="13">
        <v>1928</v>
      </c>
      <c r="J30" s="19">
        <v>948</v>
      </c>
      <c r="K30" s="19">
        <v>980</v>
      </c>
    </row>
    <row r="31" spans="1:11" ht="15" customHeight="1">
      <c r="A31" s="17" t="s">
        <v>59</v>
      </c>
      <c r="B31" s="17"/>
      <c r="C31" s="13">
        <v>1456</v>
      </c>
      <c r="D31" s="19">
        <v>669</v>
      </c>
      <c r="E31" s="19">
        <v>787</v>
      </c>
      <c r="F31" s="19"/>
      <c r="G31" s="18" t="s">
        <v>60</v>
      </c>
      <c r="H31" s="17"/>
      <c r="I31" s="13">
        <v>2094</v>
      </c>
      <c r="J31" s="19">
        <v>964</v>
      </c>
      <c r="K31" s="19">
        <v>1130</v>
      </c>
    </row>
    <row r="32" spans="1:11" ht="15" customHeight="1">
      <c r="A32" s="17" t="s">
        <v>61</v>
      </c>
      <c r="B32" s="17"/>
      <c r="C32" s="13">
        <v>1426</v>
      </c>
      <c r="D32" s="19">
        <v>733</v>
      </c>
      <c r="E32" s="19">
        <v>693</v>
      </c>
      <c r="F32" s="19"/>
      <c r="G32" s="18" t="s">
        <v>62</v>
      </c>
      <c r="H32" s="17"/>
      <c r="I32" s="13">
        <v>2445</v>
      </c>
      <c r="J32" s="19">
        <v>1146</v>
      </c>
      <c r="K32" s="19">
        <v>1299</v>
      </c>
    </row>
    <row r="33" spans="1:11" ht="15" customHeight="1">
      <c r="A33" s="17" t="s">
        <v>63</v>
      </c>
      <c r="B33" s="17"/>
      <c r="C33" s="13">
        <v>1495</v>
      </c>
      <c r="D33" s="19">
        <v>732</v>
      </c>
      <c r="E33" s="19">
        <v>763</v>
      </c>
      <c r="F33" s="19"/>
      <c r="G33" s="18" t="s">
        <v>64</v>
      </c>
      <c r="H33" s="17"/>
      <c r="I33" s="13">
        <v>2366</v>
      </c>
      <c r="J33" s="19">
        <v>1043</v>
      </c>
      <c r="K33" s="19">
        <v>1323</v>
      </c>
    </row>
    <row r="34" spans="1:11" ht="15" customHeight="1">
      <c r="A34" s="17" t="s">
        <v>65</v>
      </c>
      <c r="B34" s="17"/>
      <c r="C34" s="13">
        <v>1395</v>
      </c>
      <c r="D34" s="19">
        <v>666</v>
      </c>
      <c r="E34" s="19">
        <v>729</v>
      </c>
      <c r="F34" s="19"/>
      <c r="G34" s="18" t="s">
        <v>66</v>
      </c>
      <c r="H34" s="17"/>
      <c r="I34" s="13">
        <v>2408</v>
      </c>
      <c r="J34" s="19">
        <v>1158</v>
      </c>
      <c r="K34" s="19">
        <v>1250</v>
      </c>
    </row>
    <row r="35" spans="1:11" ht="20.100000000000001" customHeight="1">
      <c r="A35" s="17" t="s">
        <v>67</v>
      </c>
      <c r="B35" s="17"/>
      <c r="C35" s="13">
        <v>6787</v>
      </c>
      <c r="D35" s="14">
        <v>3344</v>
      </c>
      <c r="E35" s="14">
        <v>3443</v>
      </c>
      <c r="F35" s="14"/>
      <c r="G35" s="18" t="s">
        <v>68</v>
      </c>
      <c r="H35" s="17"/>
      <c r="I35" s="13">
        <v>9003</v>
      </c>
      <c r="J35" s="14">
        <v>4062</v>
      </c>
      <c r="K35" s="14">
        <v>4941</v>
      </c>
    </row>
    <row r="36" spans="1:11" ht="15" customHeight="1">
      <c r="A36" s="17" t="s">
        <v>69</v>
      </c>
      <c r="B36" s="17"/>
      <c r="C36" s="13">
        <v>1333</v>
      </c>
      <c r="D36" s="19">
        <v>660</v>
      </c>
      <c r="E36" s="19">
        <v>673</v>
      </c>
      <c r="F36" s="19"/>
      <c r="G36" s="18" t="s">
        <v>70</v>
      </c>
      <c r="H36" s="17"/>
      <c r="I36" s="13">
        <v>1633</v>
      </c>
      <c r="J36" s="19">
        <v>775</v>
      </c>
      <c r="K36" s="19">
        <v>858</v>
      </c>
    </row>
    <row r="37" spans="1:11" ht="15" customHeight="1">
      <c r="A37" s="17" t="s">
        <v>71</v>
      </c>
      <c r="B37" s="17"/>
      <c r="C37" s="13">
        <v>1360</v>
      </c>
      <c r="D37" s="19">
        <v>665</v>
      </c>
      <c r="E37" s="19">
        <v>695</v>
      </c>
      <c r="F37" s="19"/>
      <c r="G37" s="18" t="s">
        <v>72</v>
      </c>
      <c r="H37" s="17"/>
      <c r="I37" s="13">
        <v>1518</v>
      </c>
      <c r="J37" s="19">
        <v>693</v>
      </c>
      <c r="K37" s="19">
        <v>825</v>
      </c>
    </row>
    <row r="38" spans="1:11" ht="15" customHeight="1">
      <c r="A38" s="17" t="s">
        <v>73</v>
      </c>
      <c r="B38" s="17"/>
      <c r="C38" s="13">
        <v>1375</v>
      </c>
      <c r="D38" s="19">
        <v>677</v>
      </c>
      <c r="E38" s="19">
        <v>698</v>
      </c>
      <c r="F38" s="19"/>
      <c r="G38" s="18" t="s">
        <v>74</v>
      </c>
      <c r="H38" s="17"/>
      <c r="I38" s="13">
        <v>1916</v>
      </c>
      <c r="J38" s="19">
        <v>877</v>
      </c>
      <c r="K38" s="19">
        <v>1039</v>
      </c>
    </row>
    <row r="39" spans="1:11" ht="15" customHeight="1">
      <c r="A39" s="17" t="s">
        <v>75</v>
      </c>
      <c r="B39" s="17"/>
      <c r="C39" s="13">
        <v>1367</v>
      </c>
      <c r="D39" s="19">
        <v>662</v>
      </c>
      <c r="E39" s="19">
        <v>705</v>
      </c>
      <c r="F39" s="19"/>
      <c r="G39" s="18" t="s">
        <v>76</v>
      </c>
      <c r="H39" s="17"/>
      <c r="I39" s="13">
        <v>2029</v>
      </c>
      <c r="J39" s="19">
        <v>869</v>
      </c>
      <c r="K39" s="19">
        <v>1160</v>
      </c>
    </row>
    <row r="40" spans="1:11" ht="15" customHeight="1">
      <c r="A40" s="17" t="s">
        <v>77</v>
      </c>
      <c r="B40" s="17"/>
      <c r="C40" s="13">
        <v>1352</v>
      </c>
      <c r="D40" s="19">
        <v>680</v>
      </c>
      <c r="E40" s="19">
        <v>672</v>
      </c>
      <c r="F40" s="19"/>
      <c r="G40" s="18" t="s">
        <v>78</v>
      </c>
      <c r="H40" s="17"/>
      <c r="I40" s="13">
        <v>1907</v>
      </c>
      <c r="J40" s="19">
        <v>848</v>
      </c>
      <c r="K40" s="19">
        <v>1059</v>
      </c>
    </row>
    <row r="41" spans="1:11" ht="20.100000000000001" customHeight="1">
      <c r="A41" s="17" t="s">
        <v>79</v>
      </c>
      <c r="B41" s="17"/>
      <c r="C41" s="13">
        <v>6826</v>
      </c>
      <c r="D41" s="14">
        <v>3421</v>
      </c>
      <c r="E41" s="14">
        <v>3405</v>
      </c>
      <c r="F41" s="14"/>
      <c r="G41" s="18" t="s">
        <v>80</v>
      </c>
      <c r="H41" s="17"/>
      <c r="I41" s="13">
        <v>7787</v>
      </c>
      <c r="J41" s="14">
        <v>3376</v>
      </c>
      <c r="K41" s="14">
        <v>4411</v>
      </c>
    </row>
    <row r="42" spans="1:11" ht="15" customHeight="1">
      <c r="A42" s="17" t="s">
        <v>81</v>
      </c>
      <c r="B42" s="17"/>
      <c r="C42" s="13">
        <v>1290</v>
      </c>
      <c r="D42" s="19">
        <v>641</v>
      </c>
      <c r="E42" s="19">
        <v>649</v>
      </c>
      <c r="F42" s="19"/>
      <c r="G42" s="18" t="s">
        <v>82</v>
      </c>
      <c r="H42" s="17"/>
      <c r="I42" s="13">
        <v>1888</v>
      </c>
      <c r="J42" s="19">
        <v>814</v>
      </c>
      <c r="K42" s="19">
        <v>1074</v>
      </c>
    </row>
    <row r="43" spans="1:11" ht="15" customHeight="1">
      <c r="A43" s="17" t="s">
        <v>83</v>
      </c>
      <c r="B43" s="17"/>
      <c r="C43" s="13">
        <v>1367</v>
      </c>
      <c r="D43" s="19">
        <v>693</v>
      </c>
      <c r="E43" s="19">
        <v>674</v>
      </c>
      <c r="F43" s="19"/>
      <c r="G43" s="18" t="s">
        <v>84</v>
      </c>
      <c r="H43" s="17"/>
      <c r="I43" s="13">
        <v>1675</v>
      </c>
      <c r="J43" s="19">
        <v>744</v>
      </c>
      <c r="K43" s="19">
        <v>931</v>
      </c>
    </row>
    <row r="44" spans="1:11" ht="15" customHeight="1">
      <c r="A44" s="17" t="s">
        <v>85</v>
      </c>
      <c r="B44" s="17"/>
      <c r="C44" s="13">
        <v>1335</v>
      </c>
      <c r="D44" s="19">
        <v>658</v>
      </c>
      <c r="E44" s="19">
        <v>677</v>
      </c>
      <c r="F44" s="19"/>
      <c r="G44" s="18" t="s">
        <v>86</v>
      </c>
      <c r="H44" s="17"/>
      <c r="I44" s="13">
        <v>1484</v>
      </c>
      <c r="J44" s="19">
        <v>616</v>
      </c>
      <c r="K44" s="19">
        <v>868</v>
      </c>
    </row>
    <row r="45" spans="1:11" ht="15" customHeight="1">
      <c r="A45" s="17" t="s">
        <v>87</v>
      </c>
      <c r="B45" s="17"/>
      <c r="C45" s="13">
        <v>1421</v>
      </c>
      <c r="D45" s="19">
        <v>714</v>
      </c>
      <c r="E45" s="19">
        <v>707</v>
      </c>
      <c r="F45" s="19"/>
      <c r="G45" s="18" t="s">
        <v>88</v>
      </c>
      <c r="H45" s="17"/>
      <c r="I45" s="13">
        <v>1330</v>
      </c>
      <c r="J45" s="19">
        <v>592</v>
      </c>
      <c r="K45" s="19">
        <v>738</v>
      </c>
    </row>
    <row r="46" spans="1:11" ht="15" customHeight="1">
      <c r="A46" s="17" t="s">
        <v>89</v>
      </c>
      <c r="B46" s="17"/>
      <c r="C46" s="13">
        <v>1413</v>
      </c>
      <c r="D46" s="19">
        <v>715</v>
      </c>
      <c r="E46" s="19">
        <v>698</v>
      </c>
      <c r="F46" s="19"/>
      <c r="G46" s="18" t="s">
        <v>90</v>
      </c>
      <c r="H46" s="17"/>
      <c r="I46" s="13">
        <v>1410</v>
      </c>
      <c r="J46" s="19">
        <v>610</v>
      </c>
      <c r="K46" s="19">
        <v>800</v>
      </c>
    </row>
    <row r="47" spans="1:11" ht="20.100000000000001" customHeight="1">
      <c r="A47" s="17" t="s">
        <v>91</v>
      </c>
      <c r="B47" s="17"/>
      <c r="C47" s="13">
        <v>7839</v>
      </c>
      <c r="D47" s="14">
        <v>3961</v>
      </c>
      <c r="E47" s="14">
        <v>3878</v>
      </c>
      <c r="F47" s="14"/>
      <c r="G47" s="18" t="s">
        <v>92</v>
      </c>
      <c r="H47" s="17"/>
      <c r="I47" s="13">
        <v>4966</v>
      </c>
      <c r="J47" s="14">
        <v>1943</v>
      </c>
      <c r="K47" s="14">
        <v>3023</v>
      </c>
    </row>
    <row r="48" spans="1:11" ht="15" customHeight="1">
      <c r="A48" s="17" t="s">
        <v>93</v>
      </c>
      <c r="B48" s="17"/>
      <c r="C48" s="13">
        <v>1470</v>
      </c>
      <c r="D48" s="19">
        <v>720</v>
      </c>
      <c r="E48" s="19">
        <v>750</v>
      </c>
      <c r="F48" s="19"/>
      <c r="G48" s="18" t="s">
        <v>94</v>
      </c>
      <c r="H48" s="17"/>
      <c r="I48" s="13">
        <v>1197</v>
      </c>
      <c r="J48" s="19">
        <v>490</v>
      </c>
      <c r="K48" s="19">
        <v>707</v>
      </c>
    </row>
    <row r="49" spans="1:11" ht="15" customHeight="1">
      <c r="A49" s="17" t="s">
        <v>95</v>
      </c>
      <c r="B49" s="17"/>
      <c r="C49" s="13">
        <v>1511</v>
      </c>
      <c r="D49" s="19">
        <v>768</v>
      </c>
      <c r="E49" s="19">
        <v>743</v>
      </c>
      <c r="F49" s="19"/>
      <c r="G49" s="18" t="s">
        <v>96</v>
      </c>
      <c r="H49" s="17"/>
      <c r="I49" s="13">
        <v>1161</v>
      </c>
      <c r="J49" s="19">
        <v>499</v>
      </c>
      <c r="K49" s="19">
        <v>662</v>
      </c>
    </row>
    <row r="50" spans="1:11" ht="15" customHeight="1">
      <c r="A50" s="17" t="s">
        <v>97</v>
      </c>
      <c r="B50" s="17"/>
      <c r="C50" s="13">
        <v>1610</v>
      </c>
      <c r="D50" s="19">
        <v>806</v>
      </c>
      <c r="E50" s="19">
        <v>804</v>
      </c>
      <c r="F50" s="19"/>
      <c r="G50" s="18" t="s">
        <v>98</v>
      </c>
      <c r="H50" s="17"/>
      <c r="I50" s="13">
        <v>972</v>
      </c>
      <c r="J50" s="19">
        <v>374</v>
      </c>
      <c r="K50" s="19">
        <v>598</v>
      </c>
    </row>
    <row r="51" spans="1:11" ht="15" customHeight="1">
      <c r="A51" s="17" t="s">
        <v>99</v>
      </c>
      <c r="B51" s="17"/>
      <c r="C51" s="13">
        <v>1609</v>
      </c>
      <c r="D51" s="19">
        <v>829</v>
      </c>
      <c r="E51" s="19">
        <v>780</v>
      </c>
      <c r="F51" s="19"/>
      <c r="G51" s="18" t="s">
        <v>100</v>
      </c>
      <c r="H51" s="17"/>
      <c r="I51" s="13">
        <v>892</v>
      </c>
      <c r="J51" s="19">
        <v>318</v>
      </c>
      <c r="K51" s="19">
        <v>574</v>
      </c>
    </row>
    <row r="52" spans="1:11" ht="15" customHeight="1">
      <c r="A52" s="17" t="s">
        <v>101</v>
      </c>
      <c r="B52" s="17"/>
      <c r="C52" s="13">
        <v>1639</v>
      </c>
      <c r="D52" s="19">
        <v>838</v>
      </c>
      <c r="E52" s="19">
        <v>801</v>
      </c>
      <c r="F52" s="19"/>
      <c r="G52" s="18" t="s">
        <v>102</v>
      </c>
      <c r="H52" s="17"/>
      <c r="I52" s="13">
        <v>744</v>
      </c>
      <c r="J52" s="19">
        <v>262</v>
      </c>
      <c r="K52" s="19">
        <v>482</v>
      </c>
    </row>
    <row r="53" spans="1:11" ht="20.100000000000001" customHeight="1">
      <c r="A53" s="17" t="s">
        <v>103</v>
      </c>
      <c r="B53" s="17"/>
      <c r="C53" s="13">
        <v>9070</v>
      </c>
      <c r="D53" s="14">
        <v>4606</v>
      </c>
      <c r="E53" s="14">
        <v>4464</v>
      </c>
      <c r="F53" s="14"/>
      <c r="G53" s="18" t="s">
        <v>104</v>
      </c>
      <c r="H53" s="17"/>
      <c r="I53" s="13">
        <v>2190</v>
      </c>
      <c r="J53" s="14">
        <v>678</v>
      </c>
      <c r="K53" s="14">
        <v>1512</v>
      </c>
    </row>
    <row r="54" spans="1:11" ht="15" customHeight="1">
      <c r="A54" s="17" t="s">
        <v>105</v>
      </c>
      <c r="B54" s="17"/>
      <c r="C54" s="13">
        <v>1631</v>
      </c>
      <c r="D54" s="19">
        <v>806</v>
      </c>
      <c r="E54" s="19">
        <v>825</v>
      </c>
      <c r="F54" s="19"/>
      <c r="G54" s="18" t="s">
        <v>106</v>
      </c>
      <c r="H54" s="17"/>
      <c r="I54" s="13">
        <v>635</v>
      </c>
      <c r="J54" s="19">
        <v>216</v>
      </c>
      <c r="K54" s="19">
        <v>419</v>
      </c>
    </row>
    <row r="55" spans="1:11" ht="15" customHeight="1">
      <c r="A55" s="17" t="s">
        <v>107</v>
      </c>
      <c r="B55" s="17"/>
      <c r="C55" s="13">
        <v>1751</v>
      </c>
      <c r="D55" s="19">
        <v>868</v>
      </c>
      <c r="E55" s="19">
        <v>883</v>
      </c>
      <c r="F55" s="19"/>
      <c r="G55" s="18" t="s">
        <v>108</v>
      </c>
      <c r="H55" s="17"/>
      <c r="I55" s="13">
        <v>532</v>
      </c>
      <c r="J55" s="19">
        <v>176</v>
      </c>
      <c r="K55" s="19">
        <v>356</v>
      </c>
    </row>
    <row r="56" spans="1:11" ht="15" customHeight="1">
      <c r="A56" s="17" t="s">
        <v>109</v>
      </c>
      <c r="B56" s="17"/>
      <c r="C56" s="13">
        <v>1797</v>
      </c>
      <c r="D56" s="19">
        <v>934</v>
      </c>
      <c r="E56" s="19">
        <v>863</v>
      </c>
      <c r="F56" s="19"/>
      <c r="G56" s="18" t="s">
        <v>110</v>
      </c>
      <c r="H56" s="17"/>
      <c r="I56" s="13">
        <v>426</v>
      </c>
      <c r="J56" s="19">
        <v>111</v>
      </c>
      <c r="K56" s="19">
        <v>315</v>
      </c>
    </row>
    <row r="57" spans="1:11" ht="15" customHeight="1">
      <c r="A57" s="17" t="s">
        <v>111</v>
      </c>
      <c r="B57" s="17"/>
      <c r="C57" s="13">
        <v>1913</v>
      </c>
      <c r="D57" s="19">
        <v>984</v>
      </c>
      <c r="E57" s="19">
        <v>929</v>
      </c>
      <c r="F57" s="19"/>
      <c r="G57" s="18" t="s">
        <v>112</v>
      </c>
      <c r="H57" s="17"/>
      <c r="I57" s="13">
        <v>332</v>
      </c>
      <c r="J57" s="19">
        <v>103</v>
      </c>
      <c r="K57" s="19">
        <v>229</v>
      </c>
    </row>
    <row r="58" spans="1:11" ht="15" customHeight="1">
      <c r="A58" s="17" t="s">
        <v>113</v>
      </c>
      <c r="B58" s="17"/>
      <c r="C58" s="13">
        <v>1978</v>
      </c>
      <c r="D58" s="19">
        <v>1014</v>
      </c>
      <c r="E58" s="19">
        <v>964</v>
      </c>
      <c r="F58" s="19"/>
      <c r="G58" s="18" t="s">
        <v>114</v>
      </c>
      <c r="H58" s="17"/>
      <c r="I58" s="13">
        <v>265</v>
      </c>
      <c r="J58" s="19">
        <v>72</v>
      </c>
      <c r="K58" s="19">
        <v>193</v>
      </c>
    </row>
    <row r="59" spans="1:11" ht="20.100000000000001" customHeight="1">
      <c r="A59" s="17" t="s">
        <v>115</v>
      </c>
      <c r="B59" s="17"/>
      <c r="C59" s="13">
        <v>12088</v>
      </c>
      <c r="D59" s="14">
        <v>6006</v>
      </c>
      <c r="E59" s="14">
        <v>6082</v>
      </c>
      <c r="F59" s="14"/>
      <c r="G59" s="18" t="s">
        <v>116</v>
      </c>
      <c r="H59" s="17"/>
      <c r="I59" s="13">
        <v>541</v>
      </c>
      <c r="J59" s="14">
        <v>104</v>
      </c>
      <c r="K59" s="14">
        <v>437</v>
      </c>
    </row>
    <row r="60" spans="1:11" ht="15" customHeight="1">
      <c r="A60" s="17" t="s">
        <v>117</v>
      </c>
      <c r="B60" s="17"/>
      <c r="C60" s="13">
        <v>2103</v>
      </c>
      <c r="D60" s="19">
        <v>1042</v>
      </c>
      <c r="E60" s="19">
        <v>1061</v>
      </c>
      <c r="F60" s="19"/>
      <c r="G60" s="18" t="s">
        <v>118</v>
      </c>
      <c r="H60" s="17"/>
      <c r="I60" s="13">
        <v>198</v>
      </c>
      <c r="J60" s="19">
        <v>54</v>
      </c>
      <c r="K60" s="19">
        <v>144</v>
      </c>
    </row>
    <row r="61" spans="1:11" ht="15" customHeight="1">
      <c r="A61" s="17" t="s">
        <v>119</v>
      </c>
      <c r="B61" s="17"/>
      <c r="C61" s="13">
        <v>2188</v>
      </c>
      <c r="D61" s="19">
        <v>1096</v>
      </c>
      <c r="E61" s="19">
        <v>1092</v>
      </c>
      <c r="F61" s="19"/>
      <c r="G61" s="18" t="s">
        <v>120</v>
      </c>
      <c r="H61" s="17"/>
      <c r="I61" s="13">
        <v>136</v>
      </c>
      <c r="J61" s="19">
        <v>35</v>
      </c>
      <c r="K61" s="19">
        <v>101</v>
      </c>
    </row>
    <row r="62" spans="1:11" ht="15" customHeight="1">
      <c r="A62" s="17" t="s">
        <v>121</v>
      </c>
      <c r="B62" s="17"/>
      <c r="C62" s="13">
        <v>2551</v>
      </c>
      <c r="D62" s="19">
        <v>1279</v>
      </c>
      <c r="E62" s="19">
        <v>1272</v>
      </c>
      <c r="F62" s="19"/>
      <c r="G62" s="18" t="s">
        <v>122</v>
      </c>
      <c r="H62" s="17"/>
      <c r="I62" s="13">
        <v>99</v>
      </c>
      <c r="J62" s="19">
        <v>12</v>
      </c>
      <c r="K62" s="19">
        <v>87</v>
      </c>
    </row>
    <row r="63" spans="1:11" ht="15" customHeight="1">
      <c r="A63" s="17" t="s">
        <v>123</v>
      </c>
      <c r="B63" s="17"/>
      <c r="C63" s="13">
        <v>2660</v>
      </c>
      <c r="D63" s="19">
        <v>1317</v>
      </c>
      <c r="E63" s="19">
        <v>1343</v>
      </c>
      <c r="F63" s="19"/>
      <c r="G63" s="18" t="s">
        <v>124</v>
      </c>
      <c r="H63" s="17"/>
      <c r="I63" s="13">
        <v>55</v>
      </c>
      <c r="J63" s="19">
        <v>3</v>
      </c>
      <c r="K63" s="19">
        <v>52</v>
      </c>
    </row>
    <row r="64" spans="1:11" ht="15" customHeight="1">
      <c r="A64" s="17" t="s">
        <v>125</v>
      </c>
      <c r="B64" s="17"/>
      <c r="C64" s="13">
        <v>2586</v>
      </c>
      <c r="D64" s="19">
        <v>1272</v>
      </c>
      <c r="E64" s="19">
        <v>1314</v>
      </c>
      <c r="F64" s="19"/>
      <c r="G64" s="18" t="s">
        <v>126</v>
      </c>
      <c r="H64" s="17"/>
      <c r="I64" s="13">
        <v>53</v>
      </c>
      <c r="J64" s="19">
        <v>0</v>
      </c>
      <c r="K64" s="19">
        <v>53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28</v>
      </c>
      <c r="J65" s="19">
        <v>20</v>
      </c>
      <c r="K65" s="19">
        <v>108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1608</v>
      </c>
      <c r="J66" s="27">
        <v>614</v>
      </c>
      <c r="K66" s="27">
        <v>994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0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11146</v>
      </c>
      <c r="D4" s="14">
        <v>150136</v>
      </c>
      <c r="E4" s="14">
        <v>16101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1026</v>
      </c>
      <c r="D5" s="14">
        <v>5679</v>
      </c>
      <c r="E5" s="14">
        <v>5347</v>
      </c>
      <c r="F5" s="14"/>
      <c r="G5" s="18" t="s">
        <v>8</v>
      </c>
      <c r="H5" s="17"/>
      <c r="I5" s="13">
        <v>28277</v>
      </c>
      <c r="J5" s="14">
        <v>13311</v>
      </c>
      <c r="K5" s="14">
        <v>14966</v>
      </c>
    </row>
    <row r="6" spans="1:11" ht="15" customHeight="1">
      <c r="A6" s="17" t="s">
        <v>9</v>
      </c>
      <c r="B6" s="17"/>
      <c r="C6" s="13">
        <v>2051</v>
      </c>
      <c r="D6" s="19">
        <v>1071</v>
      </c>
      <c r="E6" s="19">
        <v>980</v>
      </c>
      <c r="F6" s="19"/>
      <c r="G6" s="18" t="s">
        <v>10</v>
      </c>
      <c r="H6" s="17"/>
      <c r="I6" s="13">
        <v>5313</v>
      </c>
      <c r="J6" s="19">
        <v>2469</v>
      </c>
      <c r="K6" s="19">
        <v>2844</v>
      </c>
    </row>
    <row r="7" spans="1:11" ht="15" customHeight="1">
      <c r="A7" s="17" t="s">
        <v>11</v>
      </c>
      <c r="B7" s="17"/>
      <c r="C7" s="13">
        <v>2072</v>
      </c>
      <c r="D7" s="19">
        <v>1064</v>
      </c>
      <c r="E7" s="19">
        <v>1008</v>
      </c>
      <c r="F7" s="19"/>
      <c r="G7" s="18" t="s">
        <v>12</v>
      </c>
      <c r="H7" s="17"/>
      <c r="I7" s="13">
        <v>5590</v>
      </c>
      <c r="J7" s="19">
        <v>2556</v>
      </c>
      <c r="K7" s="19">
        <v>3034</v>
      </c>
    </row>
    <row r="8" spans="1:11" ht="15" customHeight="1">
      <c r="A8" s="17" t="s">
        <v>13</v>
      </c>
      <c r="B8" s="17"/>
      <c r="C8" s="13">
        <v>2196</v>
      </c>
      <c r="D8" s="19">
        <v>1121</v>
      </c>
      <c r="E8" s="19">
        <v>1075</v>
      </c>
      <c r="F8" s="19"/>
      <c r="G8" s="18" t="s">
        <v>14</v>
      </c>
      <c r="H8" s="17"/>
      <c r="I8" s="13">
        <v>5608</v>
      </c>
      <c r="J8" s="19">
        <v>2606</v>
      </c>
      <c r="K8" s="19">
        <v>3002</v>
      </c>
    </row>
    <row r="9" spans="1:11" ht="15" customHeight="1">
      <c r="A9" s="17" t="s">
        <v>15</v>
      </c>
      <c r="B9" s="17"/>
      <c r="C9" s="13">
        <v>2293</v>
      </c>
      <c r="D9" s="19">
        <v>1196</v>
      </c>
      <c r="E9" s="19">
        <v>1097</v>
      </c>
      <c r="F9" s="19"/>
      <c r="G9" s="18" t="s">
        <v>16</v>
      </c>
      <c r="H9" s="17"/>
      <c r="I9" s="13">
        <v>5826</v>
      </c>
      <c r="J9" s="19">
        <v>2776</v>
      </c>
      <c r="K9" s="19">
        <v>3050</v>
      </c>
    </row>
    <row r="10" spans="1:11" ht="15" customHeight="1">
      <c r="A10" s="17" t="s">
        <v>17</v>
      </c>
      <c r="B10" s="17"/>
      <c r="C10" s="13">
        <v>2414</v>
      </c>
      <c r="D10" s="19">
        <v>1227</v>
      </c>
      <c r="E10" s="19">
        <v>1187</v>
      </c>
      <c r="F10" s="19"/>
      <c r="G10" s="18" t="s">
        <v>18</v>
      </c>
      <c r="H10" s="17"/>
      <c r="I10" s="13">
        <v>5940</v>
      </c>
      <c r="J10" s="19">
        <v>2904</v>
      </c>
      <c r="K10" s="19">
        <v>3036</v>
      </c>
    </row>
    <row r="11" spans="1:11" ht="20.100000000000001" customHeight="1">
      <c r="A11" s="17" t="s">
        <v>19</v>
      </c>
      <c r="B11" s="17"/>
      <c r="C11" s="13">
        <v>13338</v>
      </c>
      <c r="D11" s="14">
        <v>6800</v>
      </c>
      <c r="E11" s="14">
        <v>6538</v>
      </c>
      <c r="F11" s="14"/>
      <c r="G11" s="18" t="s">
        <v>20</v>
      </c>
      <c r="H11" s="17"/>
      <c r="I11" s="13">
        <v>24235</v>
      </c>
      <c r="J11" s="14">
        <v>12017</v>
      </c>
      <c r="K11" s="14">
        <v>12218</v>
      </c>
    </row>
    <row r="12" spans="1:11" ht="15" customHeight="1">
      <c r="A12" s="17" t="s">
        <v>21</v>
      </c>
      <c r="B12" s="17"/>
      <c r="C12" s="13">
        <v>2479</v>
      </c>
      <c r="D12" s="19">
        <v>1255</v>
      </c>
      <c r="E12" s="19">
        <v>1224</v>
      </c>
      <c r="F12" s="19"/>
      <c r="G12" s="18" t="s">
        <v>22</v>
      </c>
      <c r="H12" s="17"/>
      <c r="I12" s="13">
        <v>4334</v>
      </c>
      <c r="J12" s="19">
        <v>2127</v>
      </c>
      <c r="K12" s="19">
        <v>2207</v>
      </c>
    </row>
    <row r="13" spans="1:11" ht="15" customHeight="1">
      <c r="A13" s="17" t="s">
        <v>23</v>
      </c>
      <c r="B13" s="17"/>
      <c r="C13" s="13">
        <v>2633</v>
      </c>
      <c r="D13" s="19">
        <v>1334</v>
      </c>
      <c r="E13" s="19">
        <v>1299</v>
      </c>
      <c r="F13" s="19"/>
      <c r="G13" s="18" t="s">
        <v>24</v>
      </c>
      <c r="H13" s="17"/>
      <c r="I13" s="13">
        <v>5568</v>
      </c>
      <c r="J13" s="19">
        <v>2784</v>
      </c>
      <c r="K13" s="19">
        <v>2784</v>
      </c>
    </row>
    <row r="14" spans="1:11" ht="15" customHeight="1">
      <c r="A14" s="17" t="s">
        <v>25</v>
      </c>
      <c r="B14" s="17"/>
      <c r="C14" s="13">
        <v>2647</v>
      </c>
      <c r="D14" s="19">
        <v>1368</v>
      </c>
      <c r="E14" s="19">
        <v>1279</v>
      </c>
      <c r="F14" s="19"/>
      <c r="G14" s="18" t="s">
        <v>26</v>
      </c>
      <c r="H14" s="17"/>
      <c r="I14" s="13">
        <v>5062</v>
      </c>
      <c r="J14" s="19">
        <v>2512</v>
      </c>
      <c r="K14" s="19">
        <v>2550</v>
      </c>
    </row>
    <row r="15" spans="1:11" ht="15" customHeight="1">
      <c r="A15" s="17" t="s">
        <v>27</v>
      </c>
      <c r="B15" s="17"/>
      <c r="C15" s="13">
        <v>2775</v>
      </c>
      <c r="D15" s="19">
        <v>1430</v>
      </c>
      <c r="E15" s="19">
        <v>1345</v>
      </c>
      <c r="F15" s="19"/>
      <c r="G15" s="18" t="s">
        <v>28</v>
      </c>
      <c r="H15" s="17"/>
      <c r="I15" s="13">
        <v>4733</v>
      </c>
      <c r="J15" s="19">
        <v>2355</v>
      </c>
      <c r="K15" s="19">
        <v>2378</v>
      </c>
    </row>
    <row r="16" spans="1:11" ht="15" customHeight="1">
      <c r="A16" s="17" t="s">
        <v>29</v>
      </c>
      <c r="B16" s="17"/>
      <c r="C16" s="13">
        <v>2804</v>
      </c>
      <c r="D16" s="19">
        <v>1413</v>
      </c>
      <c r="E16" s="19">
        <v>1391</v>
      </c>
      <c r="F16" s="19"/>
      <c r="G16" s="18" t="s">
        <v>30</v>
      </c>
      <c r="H16" s="17"/>
      <c r="I16" s="13">
        <v>4538</v>
      </c>
      <c r="J16" s="19">
        <v>2239</v>
      </c>
      <c r="K16" s="19">
        <v>2299</v>
      </c>
    </row>
    <row r="17" spans="1:11" ht="20.100000000000001" customHeight="1">
      <c r="A17" s="20" t="s">
        <v>31</v>
      </c>
      <c r="B17" s="20"/>
      <c r="C17" s="13">
        <v>14211</v>
      </c>
      <c r="D17" s="14">
        <v>7294</v>
      </c>
      <c r="E17" s="14">
        <v>6917</v>
      </c>
      <c r="F17" s="14"/>
      <c r="G17" s="18" t="s">
        <v>32</v>
      </c>
      <c r="H17" s="17"/>
      <c r="I17" s="13">
        <v>18552</v>
      </c>
      <c r="J17" s="14">
        <v>9390</v>
      </c>
      <c r="K17" s="14">
        <v>9162</v>
      </c>
    </row>
    <row r="18" spans="1:11" ht="15" customHeight="1">
      <c r="A18" s="17" t="s">
        <v>33</v>
      </c>
      <c r="B18" s="17"/>
      <c r="C18" s="13">
        <v>2691</v>
      </c>
      <c r="D18" s="19">
        <v>1385</v>
      </c>
      <c r="E18" s="19">
        <v>1306</v>
      </c>
      <c r="F18" s="19"/>
      <c r="G18" s="18" t="s">
        <v>34</v>
      </c>
      <c r="H18" s="17"/>
      <c r="I18" s="13">
        <v>4023</v>
      </c>
      <c r="J18" s="19">
        <v>2116</v>
      </c>
      <c r="K18" s="19">
        <v>1907</v>
      </c>
    </row>
    <row r="19" spans="1:11" ht="15" customHeight="1">
      <c r="A19" s="17" t="s">
        <v>35</v>
      </c>
      <c r="B19" s="17"/>
      <c r="C19" s="13">
        <v>2881</v>
      </c>
      <c r="D19" s="19">
        <v>1469</v>
      </c>
      <c r="E19" s="19">
        <v>1412</v>
      </c>
      <c r="F19" s="19"/>
      <c r="G19" s="18" t="s">
        <v>36</v>
      </c>
      <c r="H19" s="17"/>
      <c r="I19" s="13">
        <v>3874</v>
      </c>
      <c r="J19" s="19">
        <v>1948</v>
      </c>
      <c r="K19" s="19">
        <v>1926</v>
      </c>
    </row>
    <row r="20" spans="1:11" ht="15" customHeight="1">
      <c r="A20" s="17" t="s">
        <v>37</v>
      </c>
      <c r="B20" s="17"/>
      <c r="C20" s="13">
        <v>2856</v>
      </c>
      <c r="D20" s="19">
        <v>1464</v>
      </c>
      <c r="E20" s="19">
        <v>1392</v>
      </c>
      <c r="F20" s="19"/>
      <c r="G20" s="18" t="s">
        <v>38</v>
      </c>
      <c r="H20" s="17"/>
      <c r="I20" s="13">
        <v>3744</v>
      </c>
      <c r="J20" s="19">
        <v>1914</v>
      </c>
      <c r="K20" s="19">
        <v>1830</v>
      </c>
    </row>
    <row r="21" spans="1:11" ht="15" customHeight="1">
      <c r="A21" s="17" t="s">
        <v>39</v>
      </c>
      <c r="B21" s="17"/>
      <c r="C21" s="13">
        <v>2894</v>
      </c>
      <c r="D21" s="19">
        <v>1490</v>
      </c>
      <c r="E21" s="19">
        <v>1404</v>
      </c>
      <c r="F21" s="19"/>
      <c r="G21" s="18" t="s">
        <v>40</v>
      </c>
      <c r="H21" s="17"/>
      <c r="I21" s="13">
        <v>3610</v>
      </c>
      <c r="J21" s="19">
        <v>1795</v>
      </c>
      <c r="K21" s="19">
        <v>1815</v>
      </c>
    </row>
    <row r="22" spans="1:11" ht="15" customHeight="1">
      <c r="A22" s="17" t="s">
        <v>41</v>
      </c>
      <c r="B22" s="17"/>
      <c r="C22" s="13">
        <v>2889</v>
      </c>
      <c r="D22" s="19">
        <v>1486</v>
      </c>
      <c r="E22" s="19">
        <v>1403</v>
      </c>
      <c r="F22" s="19"/>
      <c r="G22" s="18" t="s">
        <v>42</v>
      </c>
      <c r="H22" s="17"/>
      <c r="I22" s="13">
        <v>3301</v>
      </c>
      <c r="J22" s="19">
        <v>1617</v>
      </c>
      <c r="K22" s="19">
        <v>1684</v>
      </c>
    </row>
    <row r="23" spans="1:11" ht="20.100000000000001" customHeight="1">
      <c r="A23" s="17" t="s">
        <v>43</v>
      </c>
      <c r="B23" s="17"/>
      <c r="C23" s="13">
        <v>15491</v>
      </c>
      <c r="D23" s="14">
        <v>7903</v>
      </c>
      <c r="E23" s="14">
        <v>7588</v>
      </c>
      <c r="F23" s="14"/>
      <c r="G23" s="18" t="s">
        <v>44</v>
      </c>
      <c r="H23" s="17"/>
      <c r="I23" s="13">
        <v>15375</v>
      </c>
      <c r="J23" s="14">
        <v>7400</v>
      </c>
      <c r="K23" s="14">
        <v>7975</v>
      </c>
    </row>
    <row r="24" spans="1:11" ht="15" customHeight="1">
      <c r="A24" s="17" t="s">
        <v>45</v>
      </c>
      <c r="B24" s="17"/>
      <c r="C24" s="13">
        <v>2867</v>
      </c>
      <c r="D24" s="19">
        <v>1455</v>
      </c>
      <c r="E24" s="19">
        <v>1412</v>
      </c>
      <c r="F24" s="19"/>
      <c r="G24" s="18" t="s">
        <v>46</v>
      </c>
      <c r="H24" s="17"/>
      <c r="I24" s="13">
        <v>3199</v>
      </c>
      <c r="J24" s="19">
        <v>1623</v>
      </c>
      <c r="K24" s="19">
        <v>1576</v>
      </c>
    </row>
    <row r="25" spans="1:11" ht="15" customHeight="1">
      <c r="A25" s="17" t="s">
        <v>47</v>
      </c>
      <c r="B25" s="17"/>
      <c r="C25" s="13">
        <v>2901</v>
      </c>
      <c r="D25" s="19">
        <v>1449</v>
      </c>
      <c r="E25" s="19">
        <v>1452</v>
      </c>
      <c r="F25" s="19"/>
      <c r="G25" s="18" t="s">
        <v>48</v>
      </c>
      <c r="H25" s="17"/>
      <c r="I25" s="13">
        <v>3067</v>
      </c>
      <c r="J25" s="19">
        <v>1469</v>
      </c>
      <c r="K25" s="19">
        <v>1598</v>
      </c>
    </row>
    <row r="26" spans="1:11" ht="15" customHeight="1">
      <c r="A26" s="17" t="s">
        <v>49</v>
      </c>
      <c r="B26" s="17"/>
      <c r="C26" s="13">
        <v>3082</v>
      </c>
      <c r="D26" s="19">
        <v>1583</v>
      </c>
      <c r="E26" s="19">
        <v>1499</v>
      </c>
      <c r="F26" s="19"/>
      <c r="G26" s="18" t="s">
        <v>50</v>
      </c>
      <c r="H26" s="17"/>
      <c r="I26" s="13">
        <v>2960</v>
      </c>
      <c r="J26" s="19">
        <v>1416</v>
      </c>
      <c r="K26" s="19">
        <v>1544</v>
      </c>
    </row>
    <row r="27" spans="1:11" ht="15" customHeight="1">
      <c r="A27" s="17" t="s">
        <v>51</v>
      </c>
      <c r="B27" s="17"/>
      <c r="C27" s="13">
        <v>3144</v>
      </c>
      <c r="D27" s="19">
        <v>1641</v>
      </c>
      <c r="E27" s="19">
        <v>1503</v>
      </c>
      <c r="F27" s="19"/>
      <c r="G27" s="18" t="s">
        <v>52</v>
      </c>
      <c r="H27" s="17"/>
      <c r="I27" s="13">
        <v>3045</v>
      </c>
      <c r="J27" s="19">
        <v>1443</v>
      </c>
      <c r="K27" s="19">
        <v>1602</v>
      </c>
    </row>
    <row r="28" spans="1:11" ht="15" customHeight="1">
      <c r="A28" s="17" t="s">
        <v>53</v>
      </c>
      <c r="B28" s="17"/>
      <c r="C28" s="13">
        <v>3497</v>
      </c>
      <c r="D28" s="19">
        <v>1775</v>
      </c>
      <c r="E28" s="19">
        <v>1722</v>
      </c>
      <c r="F28" s="19"/>
      <c r="G28" s="18" t="s">
        <v>54</v>
      </c>
      <c r="H28" s="17"/>
      <c r="I28" s="13">
        <v>3104</v>
      </c>
      <c r="J28" s="19">
        <v>1449</v>
      </c>
      <c r="K28" s="19">
        <v>1655</v>
      </c>
    </row>
    <row r="29" spans="1:11" ht="20.100000000000001" customHeight="1">
      <c r="A29" s="17" t="s">
        <v>55</v>
      </c>
      <c r="B29" s="17"/>
      <c r="C29" s="13">
        <v>19180</v>
      </c>
      <c r="D29" s="14">
        <v>9685</v>
      </c>
      <c r="E29" s="14">
        <v>9495</v>
      </c>
      <c r="F29" s="14"/>
      <c r="G29" s="18" t="s">
        <v>56</v>
      </c>
      <c r="H29" s="17"/>
      <c r="I29" s="13">
        <v>18291</v>
      </c>
      <c r="J29" s="14">
        <v>8548</v>
      </c>
      <c r="K29" s="14">
        <v>9743</v>
      </c>
    </row>
    <row r="30" spans="1:11" ht="15" customHeight="1">
      <c r="A30" s="17" t="s">
        <v>57</v>
      </c>
      <c r="B30" s="17"/>
      <c r="C30" s="13">
        <v>3950</v>
      </c>
      <c r="D30" s="19">
        <v>2119</v>
      </c>
      <c r="E30" s="19">
        <v>1831</v>
      </c>
      <c r="F30" s="19"/>
      <c r="G30" s="18" t="s">
        <v>58</v>
      </c>
      <c r="H30" s="17"/>
      <c r="I30" s="13">
        <v>3202</v>
      </c>
      <c r="J30" s="19">
        <v>1550</v>
      </c>
      <c r="K30" s="19">
        <v>1652</v>
      </c>
    </row>
    <row r="31" spans="1:11" ht="15" customHeight="1">
      <c r="A31" s="17" t="s">
        <v>59</v>
      </c>
      <c r="B31" s="17"/>
      <c r="C31" s="13">
        <v>4149</v>
      </c>
      <c r="D31" s="19">
        <v>2125</v>
      </c>
      <c r="E31" s="19">
        <v>2024</v>
      </c>
      <c r="F31" s="19"/>
      <c r="G31" s="18" t="s">
        <v>60</v>
      </c>
      <c r="H31" s="17"/>
      <c r="I31" s="13">
        <v>3338</v>
      </c>
      <c r="J31" s="19">
        <v>1555</v>
      </c>
      <c r="K31" s="19">
        <v>1783</v>
      </c>
    </row>
    <row r="32" spans="1:11" ht="15" customHeight="1">
      <c r="A32" s="17" t="s">
        <v>61</v>
      </c>
      <c r="B32" s="17"/>
      <c r="C32" s="13">
        <v>3895</v>
      </c>
      <c r="D32" s="19">
        <v>1969</v>
      </c>
      <c r="E32" s="19">
        <v>1926</v>
      </c>
      <c r="F32" s="19"/>
      <c r="G32" s="18" t="s">
        <v>62</v>
      </c>
      <c r="H32" s="17"/>
      <c r="I32" s="13">
        <v>4048</v>
      </c>
      <c r="J32" s="19">
        <v>1824</v>
      </c>
      <c r="K32" s="19">
        <v>2224</v>
      </c>
    </row>
    <row r="33" spans="1:11" ht="15" customHeight="1">
      <c r="A33" s="17" t="s">
        <v>63</v>
      </c>
      <c r="B33" s="17"/>
      <c r="C33" s="13">
        <v>3863</v>
      </c>
      <c r="D33" s="19">
        <v>1895</v>
      </c>
      <c r="E33" s="19">
        <v>1968</v>
      </c>
      <c r="F33" s="19"/>
      <c r="G33" s="18" t="s">
        <v>64</v>
      </c>
      <c r="H33" s="17"/>
      <c r="I33" s="13">
        <v>3865</v>
      </c>
      <c r="J33" s="19">
        <v>1794</v>
      </c>
      <c r="K33" s="19">
        <v>2071</v>
      </c>
    </row>
    <row r="34" spans="1:11" ht="15" customHeight="1">
      <c r="A34" s="17" t="s">
        <v>65</v>
      </c>
      <c r="B34" s="17"/>
      <c r="C34" s="13">
        <v>3323</v>
      </c>
      <c r="D34" s="19">
        <v>1577</v>
      </c>
      <c r="E34" s="19">
        <v>1746</v>
      </c>
      <c r="F34" s="19"/>
      <c r="G34" s="18" t="s">
        <v>66</v>
      </c>
      <c r="H34" s="17"/>
      <c r="I34" s="13">
        <v>3838</v>
      </c>
      <c r="J34" s="19">
        <v>1825</v>
      </c>
      <c r="K34" s="19">
        <v>2013</v>
      </c>
    </row>
    <row r="35" spans="1:11" ht="20.100000000000001" customHeight="1">
      <c r="A35" s="17" t="s">
        <v>67</v>
      </c>
      <c r="B35" s="17"/>
      <c r="C35" s="13">
        <v>14759</v>
      </c>
      <c r="D35" s="14">
        <v>6834</v>
      </c>
      <c r="E35" s="14">
        <v>7925</v>
      </c>
      <c r="F35" s="14"/>
      <c r="G35" s="18" t="s">
        <v>68</v>
      </c>
      <c r="H35" s="17"/>
      <c r="I35" s="13">
        <v>13404</v>
      </c>
      <c r="J35" s="14">
        <v>6144</v>
      </c>
      <c r="K35" s="14">
        <v>7260</v>
      </c>
    </row>
    <row r="36" spans="1:11" ht="15" customHeight="1">
      <c r="A36" s="17" t="s">
        <v>69</v>
      </c>
      <c r="B36" s="17"/>
      <c r="C36" s="13">
        <v>3181</v>
      </c>
      <c r="D36" s="19">
        <v>1492</v>
      </c>
      <c r="E36" s="19">
        <v>1689</v>
      </c>
      <c r="F36" s="19"/>
      <c r="G36" s="18" t="s">
        <v>70</v>
      </c>
      <c r="H36" s="17"/>
      <c r="I36" s="13">
        <v>2723</v>
      </c>
      <c r="J36" s="19">
        <v>1258</v>
      </c>
      <c r="K36" s="19">
        <v>1465</v>
      </c>
    </row>
    <row r="37" spans="1:11" ht="15" customHeight="1">
      <c r="A37" s="17" t="s">
        <v>71</v>
      </c>
      <c r="B37" s="17"/>
      <c r="C37" s="13">
        <v>3007</v>
      </c>
      <c r="D37" s="19">
        <v>1391</v>
      </c>
      <c r="E37" s="19">
        <v>1616</v>
      </c>
      <c r="F37" s="19"/>
      <c r="G37" s="18" t="s">
        <v>72</v>
      </c>
      <c r="H37" s="17"/>
      <c r="I37" s="13">
        <v>2365</v>
      </c>
      <c r="J37" s="19">
        <v>1067</v>
      </c>
      <c r="K37" s="19">
        <v>1298</v>
      </c>
    </row>
    <row r="38" spans="1:11" ht="15" customHeight="1">
      <c r="A38" s="17" t="s">
        <v>73</v>
      </c>
      <c r="B38" s="17"/>
      <c r="C38" s="13">
        <v>3016</v>
      </c>
      <c r="D38" s="19">
        <v>1348</v>
      </c>
      <c r="E38" s="19">
        <v>1668</v>
      </c>
      <c r="F38" s="19"/>
      <c r="G38" s="18" t="s">
        <v>74</v>
      </c>
      <c r="H38" s="17"/>
      <c r="I38" s="13">
        <v>2795</v>
      </c>
      <c r="J38" s="19">
        <v>1283</v>
      </c>
      <c r="K38" s="19">
        <v>1512</v>
      </c>
    </row>
    <row r="39" spans="1:11" ht="15" customHeight="1">
      <c r="A39" s="17" t="s">
        <v>75</v>
      </c>
      <c r="B39" s="17"/>
      <c r="C39" s="13">
        <v>2721</v>
      </c>
      <c r="D39" s="19">
        <v>1277</v>
      </c>
      <c r="E39" s="19">
        <v>1444</v>
      </c>
      <c r="F39" s="19"/>
      <c r="G39" s="18" t="s">
        <v>76</v>
      </c>
      <c r="H39" s="17"/>
      <c r="I39" s="13">
        <v>2780</v>
      </c>
      <c r="J39" s="19">
        <v>1284</v>
      </c>
      <c r="K39" s="19">
        <v>1496</v>
      </c>
    </row>
    <row r="40" spans="1:11" ht="15" customHeight="1">
      <c r="A40" s="17" t="s">
        <v>77</v>
      </c>
      <c r="B40" s="17"/>
      <c r="C40" s="13">
        <v>2834</v>
      </c>
      <c r="D40" s="19">
        <v>1326</v>
      </c>
      <c r="E40" s="19">
        <v>1508</v>
      </c>
      <c r="F40" s="19"/>
      <c r="G40" s="18" t="s">
        <v>78</v>
      </c>
      <c r="H40" s="17"/>
      <c r="I40" s="13">
        <v>2741</v>
      </c>
      <c r="J40" s="19">
        <v>1252</v>
      </c>
      <c r="K40" s="19">
        <v>1489</v>
      </c>
    </row>
    <row r="41" spans="1:11" ht="20.100000000000001" customHeight="1">
      <c r="A41" s="17" t="s">
        <v>79</v>
      </c>
      <c r="B41" s="17"/>
      <c r="C41" s="13">
        <v>14235</v>
      </c>
      <c r="D41" s="14">
        <v>6910</v>
      </c>
      <c r="E41" s="14">
        <v>7325</v>
      </c>
      <c r="F41" s="14"/>
      <c r="G41" s="18" t="s">
        <v>80</v>
      </c>
      <c r="H41" s="17"/>
      <c r="I41" s="13">
        <v>10334</v>
      </c>
      <c r="J41" s="14">
        <v>4545</v>
      </c>
      <c r="K41" s="14">
        <v>5789</v>
      </c>
    </row>
    <row r="42" spans="1:11" ht="15" customHeight="1">
      <c r="A42" s="17" t="s">
        <v>81</v>
      </c>
      <c r="B42" s="17"/>
      <c r="C42" s="13">
        <v>2823</v>
      </c>
      <c r="D42" s="19">
        <v>1351</v>
      </c>
      <c r="E42" s="19">
        <v>1472</v>
      </c>
      <c r="F42" s="19"/>
      <c r="G42" s="18" t="s">
        <v>82</v>
      </c>
      <c r="H42" s="17"/>
      <c r="I42" s="13">
        <v>2539</v>
      </c>
      <c r="J42" s="19">
        <v>1108</v>
      </c>
      <c r="K42" s="19">
        <v>1431</v>
      </c>
    </row>
    <row r="43" spans="1:11" ht="15" customHeight="1">
      <c r="A43" s="17" t="s">
        <v>83</v>
      </c>
      <c r="B43" s="17"/>
      <c r="C43" s="13">
        <v>2780</v>
      </c>
      <c r="D43" s="19">
        <v>1347</v>
      </c>
      <c r="E43" s="19">
        <v>1433</v>
      </c>
      <c r="F43" s="19"/>
      <c r="G43" s="18" t="s">
        <v>84</v>
      </c>
      <c r="H43" s="17"/>
      <c r="I43" s="13">
        <v>2255</v>
      </c>
      <c r="J43" s="19">
        <v>1019</v>
      </c>
      <c r="K43" s="19">
        <v>1236</v>
      </c>
    </row>
    <row r="44" spans="1:11" ht="15" customHeight="1">
      <c r="A44" s="17" t="s">
        <v>85</v>
      </c>
      <c r="B44" s="17"/>
      <c r="C44" s="13">
        <v>2657</v>
      </c>
      <c r="D44" s="19">
        <v>1310</v>
      </c>
      <c r="E44" s="19">
        <v>1347</v>
      </c>
      <c r="F44" s="19"/>
      <c r="G44" s="18" t="s">
        <v>86</v>
      </c>
      <c r="H44" s="17"/>
      <c r="I44" s="13">
        <v>1883</v>
      </c>
      <c r="J44" s="19">
        <v>847</v>
      </c>
      <c r="K44" s="19">
        <v>1036</v>
      </c>
    </row>
    <row r="45" spans="1:11" ht="15" customHeight="1">
      <c r="A45" s="17" t="s">
        <v>87</v>
      </c>
      <c r="B45" s="17"/>
      <c r="C45" s="13">
        <v>3021</v>
      </c>
      <c r="D45" s="19">
        <v>1482</v>
      </c>
      <c r="E45" s="19">
        <v>1539</v>
      </c>
      <c r="F45" s="19"/>
      <c r="G45" s="18" t="s">
        <v>88</v>
      </c>
      <c r="H45" s="17"/>
      <c r="I45" s="13">
        <v>1819</v>
      </c>
      <c r="J45" s="19">
        <v>807</v>
      </c>
      <c r="K45" s="19">
        <v>1012</v>
      </c>
    </row>
    <row r="46" spans="1:11" ht="15" customHeight="1">
      <c r="A46" s="17" t="s">
        <v>89</v>
      </c>
      <c r="B46" s="17"/>
      <c r="C46" s="13">
        <v>2954</v>
      </c>
      <c r="D46" s="19">
        <v>1420</v>
      </c>
      <c r="E46" s="19">
        <v>1534</v>
      </c>
      <c r="F46" s="19"/>
      <c r="G46" s="18" t="s">
        <v>90</v>
      </c>
      <c r="H46" s="17"/>
      <c r="I46" s="13">
        <v>1838</v>
      </c>
      <c r="J46" s="19">
        <v>764</v>
      </c>
      <c r="K46" s="19">
        <v>1074</v>
      </c>
    </row>
    <row r="47" spans="1:11" ht="20.100000000000001" customHeight="1">
      <c r="A47" s="17" t="s">
        <v>91</v>
      </c>
      <c r="B47" s="17"/>
      <c r="C47" s="13">
        <v>17049</v>
      </c>
      <c r="D47" s="14">
        <v>8230</v>
      </c>
      <c r="E47" s="14">
        <v>8819</v>
      </c>
      <c r="F47" s="14"/>
      <c r="G47" s="18" t="s">
        <v>92</v>
      </c>
      <c r="H47" s="17"/>
      <c r="I47" s="13">
        <v>7144</v>
      </c>
      <c r="J47" s="14">
        <v>2777</v>
      </c>
      <c r="K47" s="14">
        <v>4367</v>
      </c>
    </row>
    <row r="48" spans="1:11" ht="15" customHeight="1">
      <c r="A48" s="17" t="s">
        <v>93</v>
      </c>
      <c r="B48" s="17"/>
      <c r="C48" s="13">
        <v>3118</v>
      </c>
      <c r="D48" s="19">
        <v>1495</v>
      </c>
      <c r="E48" s="19">
        <v>1623</v>
      </c>
      <c r="F48" s="19"/>
      <c r="G48" s="18" t="s">
        <v>94</v>
      </c>
      <c r="H48" s="17"/>
      <c r="I48" s="13">
        <v>1752</v>
      </c>
      <c r="J48" s="19">
        <v>704</v>
      </c>
      <c r="K48" s="19">
        <v>1048</v>
      </c>
    </row>
    <row r="49" spans="1:11" ht="15" customHeight="1">
      <c r="A49" s="17" t="s">
        <v>95</v>
      </c>
      <c r="B49" s="17"/>
      <c r="C49" s="13">
        <v>3341</v>
      </c>
      <c r="D49" s="19">
        <v>1556</v>
      </c>
      <c r="E49" s="19">
        <v>1785</v>
      </c>
      <c r="F49" s="19"/>
      <c r="G49" s="18" t="s">
        <v>96</v>
      </c>
      <c r="H49" s="17"/>
      <c r="I49" s="13">
        <v>1619</v>
      </c>
      <c r="J49" s="19">
        <v>679</v>
      </c>
      <c r="K49" s="19">
        <v>940</v>
      </c>
    </row>
    <row r="50" spans="1:11" ht="15" customHeight="1">
      <c r="A50" s="17" t="s">
        <v>97</v>
      </c>
      <c r="B50" s="17"/>
      <c r="C50" s="13">
        <v>3474</v>
      </c>
      <c r="D50" s="19">
        <v>1692</v>
      </c>
      <c r="E50" s="19">
        <v>1782</v>
      </c>
      <c r="F50" s="19"/>
      <c r="G50" s="18" t="s">
        <v>98</v>
      </c>
      <c r="H50" s="17"/>
      <c r="I50" s="13">
        <v>1341</v>
      </c>
      <c r="J50" s="19">
        <v>542</v>
      </c>
      <c r="K50" s="19">
        <v>799</v>
      </c>
    </row>
    <row r="51" spans="1:11" ht="15" customHeight="1">
      <c r="A51" s="17" t="s">
        <v>99</v>
      </c>
      <c r="B51" s="17"/>
      <c r="C51" s="13">
        <v>3513</v>
      </c>
      <c r="D51" s="19">
        <v>1760</v>
      </c>
      <c r="E51" s="19">
        <v>1753</v>
      </c>
      <c r="F51" s="19"/>
      <c r="G51" s="18" t="s">
        <v>100</v>
      </c>
      <c r="H51" s="17"/>
      <c r="I51" s="13">
        <v>1255</v>
      </c>
      <c r="J51" s="19">
        <v>446</v>
      </c>
      <c r="K51" s="19">
        <v>809</v>
      </c>
    </row>
    <row r="52" spans="1:11" ht="15" customHeight="1">
      <c r="A52" s="17" t="s">
        <v>101</v>
      </c>
      <c r="B52" s="17"/>
      <c r="C52" s="13">
        <v>3603</v>
      </c>
      <c r="D52" s="19">
        <v>1727</v>
      </c>
      <c r="E52" s="19">
        <v>1876</v>
      </c>
      <c r="F52" s="19"/>
      <c r="G52" s="18" t="s">
        <v>102</v>
      </c>
      <c r="H52" s="17"/>
      <c r="I52" s="13">
        <v>1177</v>
      </c>
      <c r="J52" s="19">
        <v>406</v>
      </c>
      <c r="K52" s="19">
        <v>771</v>
      </c>
    </row>
    <row r="53" spans="1:11" ht="20.100000000000001" customHeight="1">
      <c r="A53" s="17" t="s">
        <v>103</v>
      </c>
      <c r="B53" s="17"/>
      <c r="C53" s="13">
        <v>20094</v>
      </c>
      <c r="D53" s="14">
        <v>9645</v>
      </c>
      <c r="E53" s="14">
        <v>10449</v>
      </c>
      <c r="F53" s="14"/>
      <c r="G53" s="18" t="s">
        <v>104</v>
      </c>
      <c r="H53" s="17"/>
      <c r="I53" s="13">
        <v>3477</v>
      </c>
      <c r="J53" s="14">
        <v>1041</v>
      </c>
      <c r="K53" s="14">
        <v>2436</v>
      </c>
    </row>
    <row r="54" spans="1:11" ht="15" customHeight="1">
      <c r="A54" s="17" t="s">
        <v>105</v>
      </c>
      <c r="B54" s="17"/>
      <c r="C54" s="13">
        <v>3674</v>
      </c>
      <c r="D54" s="19">
        <v>1777</v>
      </c>
      <c r="E54" s="19">
        <v>1897</v>
      </c>
      <c r="F54" s="19"/>
      <c r="G54" s="18" t="s">
        <v>106</v>
      </c>
      <c r="H54" s="17"/>
      <c r="I54" s="13">
        <v>915</v>
      </c>
      <c r="J54" s="19">
        <v>314</v>
      </c>
      <c r="K54" s="19">
        <v>601</v>
      </c>
    </row>
    <row r="55" spans="1:11" ht="15" customHeight="1">
      <c r="A55" s="17" t="s">
        <v>107</v>
      </c>
      <c r="B55" s="17"/>
      <c r="C55" s="13">
        <v>3815</v>
      </c>
      <c r="D55" s="19">
        <v>1831</v>
      </c>
      <c r="E55" s="19">
        <v>1984</v>
      </c>
      <c r="F55" s="19"/>
      <c r="G55" s="18" t="s">
        <v>108</v>
      </c>
      <c r="H55" s="17"/>
      <c r="I55" s="13">
        <v>852</v>
      </c>
      <c r="J55" s="19">
        <v>288</v>
      </c>
      <c r="K55" s="19">
        <v>564</v>
      </c>
    </row>
    <row r="56" spans="1:11" ht="15" customHeight="1">
      <c r="A56" s="17" t="s">
        <v>109</v>
      </c>
      <c r="B56" s="17"/>
      <c r="C56" s="13">
        <v>4132</v>
      </c>
      <c r="D56" s="19">
        <v>1949</v>
      </c>
      <c r="E56" s="19">
        <v>2183</v>
      </c>
      <c r="F56" s="19"/>
      <c r="G56" s="18" t="s">
        <v>110</v>
      </c>
      <c r="H56" s="17"/>
      <c r="I56" s="13">
        <v>647</v>
      </c>
      <c r="J56" s="19">
        <v>167</v>
      </c>
      <c r="K56" s="19">
        <v>480</v>
      </c>
    </row>
    <row r="57" spans="1:11" ht="15" customHeight="1">
      <c r="A57" s="17" t="s">
        <v>111</v>
      </c>
      <c r="B57" s="17"/>
      <c r="C57" s="13">
        <v>4171</v>
      </c>
      <c r="D57" s="19">
        <v>2044</v>
      </c>
      <c r="E57" s="19">
        <v>2127</v>
      </c>
      <c r="F57" s="19"/>
      <c r="G57" s="18" t="s">
        <v>112</v>
      </c>
      <c r="H57" s="17"/>
      <c r="I57" s="13">
        <v>640</v>
      </c>
      <c r="J57" s="19">
        <v>165</v>
      </c>
      <c r="K57" s="19">
        <v>475</v>
      </c>
    </row>
    <row r="58" spans="1:11" ht="15" customHeight="1">
      <c r="A58" s="17" t="s">
        <v>113</v>
      </c>
      <c r="B58" s="17"/>
      <c r="C58" s="13">
        <v>4302</v>
      </c>
      <c r="D58" s="19">
        <v>2044</v>
      </c>
      <c r="E58" s="19">
        <v>2258</v>
      </c>
      <c r="F58" s="19"/>
      <c r="G58" s="18" t="s">
        <v>114</v>
      </c>
      <c r="H58" s="17"/>
      <c r="I58" s="13">
        <v>423</v>
      </c>
      <c r="J58" s="19">
        <v>107</v>
      </c>
      <c r="K58" s="19">
        <v>316</v>
      </c>
    </row>
    <row r="59" spans="1:11" ht="20.100000000000001" customHeight="1">
      <c r="A59" s="17" t="s">
        <v>115</v>
      </c>
      <c r="B59" s="17"/>
      <c r="C59" s="13">
        <v>25046</v>
      </c>
      <c r="D59" s="14">
        <v>11860</v>
      </c>
      <c r="E59" s="14">
        <v>13186</v>
      </c>
      <c r="F59" s="14"/>
      <c r="G59" s="18" t="s">
        <v>116</v>
      </c>
      <c r="H59" s="17"/>
      <c r="I59" s="13">
        <v>1046</v>
      </c>
      <c r="J59" s="14">
        <v>210</v>
      </c>
      <c r="K59" s="14">
        <v>836</v>
      </c>
    </row>
    <row r="60" spans="1:11" ht="15" customHeight="1">
      <c r="A60" s="17" t="s">
        <v>117</v>
      </c>
      <c r="B60" s="17"/>
      <c r="C60" s="13">
        <v>4559</v>
      </c>
      <c r="D60" s="19">
        <v>2185</v>
      </c>
      <c r="E60" s="19">
        <v>2374</v>
      </c>
      <c r="F60" s="19"/>
      <c r="G60" s="18" t="s">
        <v>118</v>
      </c>
      <c r="H60" s="17"/>
      <c r="I60" s="13">
        <v>362</v>
      </c>
      <c r="J60" s="19">
        <v>85</v>
      </c>
      <c r="K60" s="19">
        <v>277</v>
      </c>
    </row>
    <row r="61" spans="1:11" ht="15" customHeight="1">
      <c r="A61" s="17" t="s">
        <v>119</v>
      </c>
      <c r="B61" s="17"/>
      <c r="C61" s="13">
        <v>4707</v>
      </c>
      <c r="D61" s="19">
        <v>2252</v>
      </c>
      <c r="E61" s="19">
        <v>2455</v>
      </c>
      <c r="F61" s="19"/>
      <c r="G61" s="18" t="s">
        <v>120</v>
      </c>
      <c r="H61" s="17"/>
      <c r="I61" s="13">
        <v>283</v>
      </c>
      <c r="J61" s="19">
        <v>56</v>
      </c>
      <c r="K61" s="19">
        <v>227</v>
      </c>
    </row>
    <row r="62" spans="1:11" ht="15" customHeight="1">
      <c r="A62" s="17" t="s">
        <v>121</v>
      </c>
      <c r="B62" s="17"/>
      <c r="C62" s="13">
        <v>5011</v>
      </c>
      <c r="D62" s="19">
        <v>2348</v>
      </c>
      <c r="E62" s="19">
        <v>2663</v>
      </c>
      <c r="F62" s="19"/>
      <c r="G62" s="18" t="s">
        <v>122</v>
      </c>
      <c r="H62" s="17"/>
      <c r="I62" s="13">
        <v>183</v>
      </c>
      <c r="J62" s="19">
        <v>36</v>
      </c>
      <c r="K62" s="19">
        <v>147</v>
      </c>
    </row>
    <row r="63" spans="1:11" ht="15" customHeight="1">
      <c r="A63" s="17" t="s">
        <v>123</v>
      </c>
      <c r="B63" s="17"/>
      <c r="C63" s="13">
        <v>5446</v>
      </c>
      <c r="D63" s="19">
        <v>2578</v>
      </c>
      <c r="E63" s="19">
        <v>2868</v>
      </c>
      <c r="F63" s="19"/>
      <c r="G63" s="18" t="s">
        <v>124</v>
      </c>
      <c r="H63" s="17"/>
      <c r="I63" s="13">
        <v>126</v>
      </c>
      <c r="J63" s="19">
        <v>19</v>
      </c>
      <c r="K63" s="19">
        <v>107</v>
      </c>
    </row>
    <row r="64" spans="1:11" ht="15" customHeight="1">
      <c r="A64" s="17" t="s">
        <v>125</v>
      </c>
      <c r="B64" s="17"/>
      <c r="C64" s="13">
        <v>5323</v>
      </c>
      <c r="D64" s="19">
        <v>2497</v>
      </c>
      <c r="E64" s="19">
        <v>2826</v>
      </c>
      <c r="F64" s="19"/>
      <c r="G64" s="18" t="s">
        <v>126</v>
      </c>
      <c r="H64" s="17"/>
      <c r="I64" s="13">
        <v>92</v>
      </c>
      <c r="J64" s="19">
        <v>14</v>
      </c>
      <c r="K64" s="19">
        <v>78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82</v>
      </c>
      <c r="J65" s="19">
        <v>27</v>
      </c>
      <c r="K65" s="19">
        <v>155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6400</v>
      </c>
      <c r="J66" s="27">
        <v>3886</v>
      </c>
      <c r="K66" s="27">
        <v>2514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3</v>
      </c>
      <c r="B2" s="5"/>
      <c r="C2" s="7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772029</v>
      </c>
      <c r="D4" s="14">
        <v>1862325</v>
      </c>
      <c r="E4" s="14">
        <v>190970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30456</v>
      </c>
      <c r="D5" s="14">
        <v>66879</v>
      </c>
      <c r="E5" s="14">
        <v>63577</v>
      </c>
      <c r="F5" s="14"/>
      <c r="G5" s="18" t="s">
        <v>8</v>
      </c>
      <c r="H5" s="17"/>
      <c r="I5" s="13">
        <v>316897</v>
      </c>
      <c r="J5" s="14">
        <v>160805</v>
      </c>
      <c r="K5" s="14">
        <v>156092</v>
      </c>
    </row>
    <row r="6" spans="1:11" ht="15" customHeight="1">
      <c r="A6" s="17" t="s">
        <v>9</v>
      </c>
      <c r="B6" s="17"/>
      <c r="C6" s="13">
        <v>24988</v>
      </c>
      <c r="D6" s="19">
        <v>12860</v>
      </c>
      <c r="E6" s="19">
        <v>12128</v>
      </c>
      <c r="F6" s="19"/>
      <c r="G6" s="18" t="s">
        <v>10</v>
      </c>
      <c r="H6" s="17"/>
      <c r="I6" s="13">
        <v>64279</v>
      </c>
      <c r="J6" s="19">
        <v>32149</v>
      </c>
      <c r="K6" s="19">
        <v>32130</v>
      </c>
    </row>
    <row r="7" spans="1:11" ht="15" customHeight="1">
      <c r="A7" s="17" t="s">
        <v>11</v>
      </c>
      <c r="B7" s="17"/>
      <c r="C7" s="13">
        <v>24952</v>
      </c>
      <c r="D7" s="19">
        <v>12832</v>
      </c>
      <c r="E7" s="19">
        <v>12120</v>
      </c>
      <c r="F7" s="19"/>
      <c r="G7" s="18" t="s">
        <v>12</v>
      </c>
      <c r="H7" s="17"/>
      <c r="I7" s="13">
        <v>64267</v>
      </c>
      <c r="J7" s="19">
        <v>32313</v>
      </c>
      <c r="K7" s="19">
        <v>31954</v>
      </c>
    </row>
    <row r="8" spans="1:11" ht="15" customHeight="1">
      <c r="A8" s="17" t="s">
        <v>13</v>
      </c>
      <c r="B8" s="17"/>
      <c r="C8" s="13">
        <v>25867</v>
      </c>
      <c r="D8" s="19">
        <v>13195</v>
      </c>
      <c r="E8" s="19">
        <v>12672</v>
      </c>
      <c r="F8" s="19"/>
      <c r="G8" s="18" t="s">
        <v>14</v>
      </c>
      <c r="H8" s="17"/>
      <c r="I8" s="13">
        <v>62609</v>
      </c>
      <c r="J8" s="19">
        <v>31891</v>
      </c>
      <c r="K8" s="19">
        <v>30718</v>
      </c>
    </row>
    <row r="9" spans="1:11" ht="15" customHeight="1">
      <c r="A9" s="17" t="s">
        <v>15</v>
      </c>
      <c r="B9" s="17"/>
      <c r="C9" s="13">
        <v>27072</v>
      </c>
      <c r="D9" s="19">
        <v>13892</v>
      </c>
      <c r="E9" s="19">
        <v>13180</v>
      </c>
      <c r="F9" s="19"/>
      <c r="G9" s="18" t="s">
        <v>16</v>
      </c>
      <c r="H9" s="17"/>
      <c r="I9" s="13">
        <v>62064</v>
      </c>
      <c r="J9" s="19">
        <v>31757</v>
      </c>
      <c r="K9" s="19">
        <v>30307</v>
      </c>
    </row>
    <row r="10" spans="1:11" ht="15" customHeight="1">
      <c r="A10" s="17" t="s">
        <v>17</v>
      </c>
      <c r="B10" s="17"/>
      <c r="C10" s="13">
        <v>27577</v>
      </c>
      <c r="D10" s="19">
        <v>14100</v>
      </c>
      <c r="E10" s="19">
        <v>13477</v>
      </c>
      <c r="F10" s="19"/>
      <c r="G10" s="18" t="s">
        <v>18</v>
      </c>
      <c r="H10" s="17"/>
      <c r="I10" s="13">
        <v>63678</v>
      </c>
      <c r="J10" s="19">
        <v>32695</v>
      </c>
      <c r="K10" s="19">
        <v>30983</v>
      </c>
    </row>
    <row r="11" spans="1:11" ht="20.100000000000001" customHeight="1">
      <c r="A11" s="17" t="s">
        <v>19</v>
      </c>
      <c r="B11" s="17"/>
      <c r="C11" s="13">
        <v>147928</v>
      </c>
      <c r="D11" s="14">
        <v>75736</v>
      </c>
      <c r="E11" s="14">
        <v>72192</v>
      </c>
      <c r="F11" s="14"/>
      <c r="G11" s="18" t="s">
        <v>20</v>
      </c>
      <c r="H11" s="17"/>
      <c r="I11" s="13">
        <v>253675</v>
      </c>
      <c r="J11" s="14">
        <v>130649</v>
      </c>
      <c r="K11" s="14">
        <v>123026</v>
      </c>
    </row>
    <row r="12" spans="1:11" ht="15" customHeight="1">
      <c r="A12" s="17" t="s">
        <v>21</v>
      </c>
      <c r="B12" s="17"/>
      <c r="C12" s="13">
        <v>28490</v>
      </c>
      <c r="D12" s="19">
        <v>14517</v>
      </c>
      <c r="E12" s="19">
        <v>13973</v>
      </c>
      <c r="F12" s="19"/>
      <c r="G12" s="18" t="s">
        <v>22</v>
      </c>
      <c r="H12" s="17"/>
      <c r="I12" s="13">
        <v>45499</v>
      </c>
      <c r="J12" s="19">
        <v>23327</v>
      </c>
      <c r="K12" s="19">
        <v>22172</v>
      </c>
    </row>
    <row r="13" spans="1:11" ht="15" customHeight="1">
      <c r="A13" s="17" t="s">
        <v>23</v>
      </c>
      <c r="B13" s="17"/>
      <c r="C13" s="13">
        <v>29554</v>
      </c>
      <c r="D13" s="19">
        <v>15098</v>
      </c>
      <c r="E13" s="19">
        <v>14456</v>
      </c>
      <c r="F13" s="19"/>
      <c r="G13" s="18" t="s">
        <v>24</v>
      </c>
      <c r="H13" s="17"/>
      <c r="I13" s="13">
        <v>58005</v>
      </c>
      <c r="J13" s="19">
        <v>30070</v>
      </c>
      <c r="K13" s="19">
        <v>27935</v>
      </c>
    </row>
    <row r="14" spans="1:11" ht="15" customHeight="1">
      <c r="A14" s="17" t="s">
        <v>25</v>
      </c>
      <c r="B14" s="17"/>
      <c r="C14" s="13">
        <v>29481</v>
      </c>
      <c r="D14" s="19">
        <v>15159</v>
      </c>
      <c r="E14" s="19">
        <v>14322</v>
      </c>
      <c r="F14" s="19"/>
      <c r="G14" s="18" t="s">
        <v>26</v>
      </c>
      <c r="H14" s="17"/>
      <c r="I14" s="13">
        <v>53097</v>
      </c>
      <c r="J14" s="19">
        <v>27315</v>
      </c>
      <c r="K14" s="19">
        <v>25782</v>
      </c>
    </row>
    <row r="15" spans="1:11" ht="15" customHeight="1">
      <c r="A15" s="17" t="s">
        <v>27</v>
      </c>
      <c r="B15" s="17"/>
      <c r="C15" s="13">
        <v>29802</v>
      </c>
      <c r="D15" s="19">
        <v>15354</v>
      </c>
      <c r="E15" s="19">
        <v>14448</v>
      </c>
      <c r="F15" s="19"/>
      <c r="G15" s="18" t="s">
        <v>28</v>
      </c>
      <c r="H15" s="17"/>
      <c r="I15" s="13">
        <v>49974</v>
      </c>
      <c r="J15" s="19">
        <v>25860</v>
      </c>
      <c r="K15" s="19">
        <v>24114</v>
      </c>
    </row>
    <row r="16" spans="1:11" ht="15" customHeight="1">
      <c r="A16" s="17" t="s">
        <v>29</v>
      </c>
      <c r="B16" s="17"/>
      <c r="C16" s="13">
        <v>30601</v>
      </c>
      <c r="D16" s="19">
        <v>15608</v>
      </c>
      <c r="E16" s="19">
        <v>14993</v>
      </c>
      <c r="F16" s="19"/>
      <c r="G16" s="18" t="s">
        <v>30</v>
      </c>
      <c r="H16" s="17"/>
      <c r="I16" s="13">
        <v>47100</v>
      </c>
      <c r="J16" s="19">
        <v>24077</v>
      </c>
      <c r="K16" s="19">
        <v>23023</v>
      </c>
    </row>
    <row r="17" spans="1:11" ht="20.100000000000001" customHeight="1">
      <c r="A17" s="20" t="s">
        <v>31</v>
      </c>
      <c r="B17" s="20"/>
      <c r="C17" s="13">
        <v>155766</v>
      </c>
      <c r="D17" s="14">
        <v>80036</v>
      </c>
      <c r="E17" s="14">
        <v>75730</v>
      </c>
      <c r="F17" s="14"/>
      <c r="G17" s="18" t="s">
        <v>32</v>
      </c>
      <c r="H17" s="17"/>
      <c r="I17" s="13">
        <v>205967</v>
      </c>
      <c r="J17" s="14">
        <v>104754</v>
      </c>
      <c r="K17" s="14">
        <v>101213</v>
      </c>
    </row>
    <row r="18" spans="1:11" ht="15" customHeight="1">
      <c r="A18" s="17" t="s">
        <v>33</v>
      </c>
      <c r="B18" s="17"/>
      <c r="C18" s="13">
        <v>30197</v>
      </c>
      <c r="D18" s="19">
        <v>15500</v>
      </c>
      <c r="E18" s="19">
        <v>14697</v>
      </c>
      <c r="F18" s="19"/>
      <c r="G18" s="18" t="s">
        <v>34</v>
      </c>
      <c r="H18" s="17"/>
      <c r="I18" s="13">
        <v>44242</v>
      </c>
      <c r="J18" s="19">
        <v>22858</v>
      </c>
      <c r="K18" s="19">
        <v>21384</v>
      </c>
    </row>
    <row r="19" spans="1:11" ht="15" customHeight="1">
      <c r="A19" s="17" t="s">
        <v>35</v>
      </c>
      <c r="B19" s="17"/>
      <c r="C19" s="13">
        <v>31250</v>
      </c>
      <c r="D19" s="19">
        <v>15985</v>
      </c>
      <c r="E19" s="19">
        <v>15265</v>
      </c>
      <c r="F19" s="19"/>
      <c r="G19" s="18" t="s">
        <v>36</v>
      </c>
      <c r="H19" s="17"/>
      <c r="I19" s="13">
        <v>42992</v>
      </c>
      <c r="J19" s="19">
        <v>21791</v>
      </c>
      <c r="K19" s="19">
        <v>21201</v>
      </c>
    </row>
    <row r="20" spans="1:11" ht="15" customHeight="1">
      <c r="A20" s="17" t="s">
        <v>37</v>
      </c>
      <c r="B20" s="17"/>
      <c r="C20" s="13">
        <v>31268</v>
      </c>
      <c r="D20" s="19">
        <v>15956</v>
      </c>
      <c r="E20" s="19">
        <v>15312</v>
      </c>
      <c r="F20" s="19"/>
      <c r="G20" s="18" t="s">
        <v>38</v>
      </c>
      <c r="H20" s="17"/>
      <c r="I20" s="13">
        <v>41258</v>
      </c>
      <c r="J20" s="19">
        <v>21209</v>
      </c>
      <c r="K20" s="19">
        <v>20049</v>
      </c>
    </row>
    <row r="21" spans="1:11" ht="15" customHeight="1">
      <c r="A21" s="17" t="s">
        <v>39</v>
      </c>
      <c r="B21" s="17"/>
      <c r="C21" s="13">
        <v>31495</v>
      </c>
      <c r="D21" s="19">
        <v>16303</v>
      </c>
      <c r="E21" s="19">
        <v>15192</v>
      </c>
      <c r="F21" s="19"/>
      <c r="G21" s="18" t="s">
        <v>40</v>
      </c>
      <c r="H21" s="17"/>
      <c r="I21" s="13">
        <v>40281</v>
      </c>
      <c r="J21" s="19">
        <v>20366</v>
      </c>
      <c r="K21" s="19">
        <v>19915</v>
      </c>
    </row>
    <row r="22" spans="1:11" ht="15" customHeight="1">
      <c r="A22" s="17" t="s">
        <v>41</v>
      </c>
      <c r="B22" s="17"/>
      <c r="C22" s="13">
        <v>31556</v>
      </c>
      <c r="D22" s="19">
        <v>16292</v>
      </c>
      <c r="E22" s="19">
        <v>15264</v>
      </c>
      <c r="F22" s="19"/>
      <c r="G22" s="18" t="s">
        <v>42</v>
      </c>
      <c r="H22" s="17"/>
      <c r="I22" s="13">
        <v>37194</v>
      </c>
      <c r="J22" s="19">
        <v>18530</v>
      </c>
      <c r="K22" s="19">
        <v>18664</v>
      </c>
    </row>
    <row r="23" spans="1:11" ht="20.100000000000001" customHeight="1">
      <c r="A23" s="17" t="s">
        <v>43</v>
      </c>
      <c r="B23" s="17"/>
      <c r="C23" s="13">
        <v>162208</v>
      </c>
      <c r="D23" s="14">
        <v>82886</v>
      </c>
      <c r="E23" s="14">
        <v>79322</v>
      </c>
      <c r="F23" s="14"/>
      <c r="G23" s="18" t="s">
        <v>44</v>
      </c>
      <c r="H23" s="17"/>
      <c r="I23" s="13">
        <v>192863</v>
      </c>
      <c r="J23" s="14">
        <v>95191</v>
      </c>
      <c r="K23" s="14">
        <v>97672</v>
      </c>
    </row>
    <row r="24" spans="1:11" ht="15" customHeight="1">
      <c r="A24" s="17" t="s">
        <v>45</v>
      </c>
      <c r="B24" s="17"/>
      <c r="C24" s="13">
        <v>31804</v>
      </c>
      <c r="D24" s="19">
        <v>16406</v>
      </c>
      <c r="E24" s="19">
        <v>15398</v>
      </c>
      <c r="F24" s="19"/>
      <c r="G24" s="18" t="s">
        <v>46</v>
      </c>
      <c r="H24" s="17"/>
      <c r="I24" s="13">
        <v>37531</v>
      </c>
      <c r="J24" s="19">
        <v>18849</v>
      </c>
      <c r="K24" s="19">
        <v>18682</v>
      </c>
    </row>
    <row r="25" spans="1:11" ht="15" customHeight="1">
      <c r="A25" s="17" t="s">
        <v>47</v>
      </c>
      <c r="B25" s="17"/>
      <c r="C25" s="13">
        <v>30403</v>
      </c>
      <c r="D25" s="19">
        <v>15560</v>
      </c>
      <c r="E25" s="19">
        <v>14843</v>
      </c>
      <c r="F25" s="19"/>
      <c r="G25" s="18" t="s">
        <v>48</v>
      </c>
      <c r="H25" s="17"/>
      <c r="I25" s="13">
        <v>38123</v>
      </c>
      <c r="J25" s="19">
        <v>19002</v>
      </c>
      <c r="K25" s="19">
        <v>19121</v>
      </c>
    </row>
    <row r="26" spans="1:11" ht="15" customHeight="1">
      <c r="A26" s="17" t="s">
        <v>49</v>
      </c>
      <c r="B26" s="17"/>
      <c r="C26" s="13">
        <v>32060</v>
      </c>
      <c r="D26" s="19">
        <v>16428</v>
      </c>
      <c r="E26" s="19">
        <v>15632</v>
      </c>
      <c r="F26" s="19"/>
      <c r="G26" s="18" t="s">
        <v>50</v>
      </c>
      <c r="H26" s="17"/>
      <c r="I26" s="13">
        <v>37573</v>
      </c>
      <c r="J26" s="19">
        <v>18561</v>
      </c>
      <c r="K26" s="19">
        <v>19012</v>
      </c>
    </row>
    <row r="27" spans="1:11" ht="15" customHeight="1">
      <c r="A27" s="17" t="s">
        <v>51</v>
      </c>
      <c r="B27" s="17"/>
      <c r="C27" s="13">
        <v>32871</v>
      </c>
      <c r="D27" s="19">
        <v>16820</v>
      </c>
      <c r="E27" s="19">
        <v>16051</v>
      </c>
      <c r="F27" s="19"/>
      <c r="G27" s="18" t="s">
        <v>52</v>
      </c>
      <c r="H27" s="17"/>
      <c r="I27" s="13">
        <v>38321</v>
      </c>
      <c r="J27" s="19">
        <v>18604</v>
      </c>
      <c r="K27" s="19">
        <v>19717</v>
      </c>
    </row>
    <row r="28" spans="1:11" ht="15" customHeight="1">
      <c r="A28" s="17" t="s">
        <v>53</v>
      </c>
      <c r="B28" s="17"/>
      <c r="C28" s="13">
        <v>35070</v>
      </c>
      <c r="D28" s="19">
        <v>17672</v>
      </c>
      <c r="E28" s="19">
        <v>17398</v>
      </c>
      <c r="F28" s="19"/>
      <c r="G28" s="18" t="s">
        <v>54</v>
      </c>
      <c r="H28" s="17"/>
      <c r="I28" s="13">
        <v>41315</v>
      </c>
      <c r="J28" s="19">
        <v>20175</v>
      </c>
      <c r="K28" s="19">
        <v>21140</v>
      </c>
    </row>
    <row r="29" spans="1:11" ht="20.100000000000001" customHeight="1">
      <c r="A29" s="17" t="s">
        <v>55</v>
      </c>
      <c r="B29" s="17"/>
      <c r="C29" s="13">
        <v>201718</v>
      </c>
      <c r="D29" s="14">
        <v>102223</v>
      </c>
      <c r="E29" s="14">
        <v>99495</v>
      </c>
      <c r="F29" s="14"/>
      <c r="G29" s="18" t="s">
        <v>56</v>
      </c>
      <c r="H29" s="17"/>
      <c r="I29" s="13">
        <v>242763</v>
      </c>
      <c r="J29" s="14">
        <v>115664</v>
      </c>
      <c r="K29" s="14">
        <v>127099</v>
      </c>
    </row>
    <row r="30" spans="1:11" ht="15" customHeight="1">
      <c r="A30" s="17" t="s">
        <v>57</v>
      </c>
      <c r="B30" s="17"/>
      <c r="C30" s="13">
        <v>37610</v>
      </c>
      <c r="D30" s="19">
        <v>19290</v>
      </c>
      <c r="E30" s="19">
        <v>18320</v>
      </c>
      <c r="F30" s="19"/>
      <c r="G30" s="18" t="s">
        <v>58</v>
      </c>
      <c r="H30" s="17"/>
      <c r="I30" s="13">
        <v>42491</v>
      </c>
      <c r="J30" s="19">
        <v>20844</v>
      </c>
      <c r="K30" s="19">
        <v>21647</v>
      </c>
    </row>
    <row r="31" spans="1:11" ht="15" customHeight="1">
      <c r="A31" s="17" t="s">
        <v>59</v>
      </c>
      <c r="B31" s="17"/>
      <c r="C31" s="13">
        <v>39749</v>
      </c>
      <c r="D31" s="19">
        <v>20156</v>
      </c>
      <c r="E31" s="19">
        <v>19593</v>
      </c>
      <c r="F31" s="19"/>
      <c r="G31" s="18" t="s">
        <v>60</v>
      </c>
      <c r="H31" s="17"/>
      <c r="I31" s="13">
        <v>45684</v>
      </c>
      <c r="J31" s="19">
        <v>21941</v>
      </c>
      <c r="K31" s="19">
        <v>23743</v>
      </c>
    </row>
    <row r="32" spans="1:11" ht="15" customHeight="1">
      <c r="A32" s="17" t="s">
        <v>61</v>
      </c>
      <c r="B32" s="17"/>
      <c r="C32" s="13">
        <v>40118</v>
      </c>
      <c r="D32" s="19">
        <v>20349</v>
      </c>
      <c r="E32" s="19">
        <v>19769</v>
      </c>
      <c r="F32" s="19"/>
      <c r="G32" s="18" t="s">
        <v>62</v>
      </c>
      <c r="H32" s="17"/>
      <c r="I32" s="13">
        <v>52446</v>
      </c>
      <c r="J32" s="19">
        <v>24940</v>
      </c>
      <c r="K32" s="19">
        <v>27506</v>
      </c>
    </row>
    <row r="33" spans="1:11" ht="15" customHeight="1">
      <c r="A33" s="17" t="s">
        <v>63</v>
      </c>
      <c r="B33" s="17"/>
      <c r="C33" s="13">
        <v>42984</v>
      </c>
      <c r="D33" s="19">
        <v>21773</v>
      </c>
      <c r="E33" s="19">
        <v>21211</v>
      </c>
      <c r="F33" s="19"/>
      <c r="G33" s="18" t="s">
        <v>64</v>
      </c>
      <c r="H33" s="17"/>
      <c r="I33" s="13">
        <v>51122</v>
      </c>
      <c r="J33" s="19">
        <v>23970</v>
      </c>
      <c r="K33" s="19">
        <v>27152</v>
      </c>
    </row>
    <row r="34" spans="1:11" ht="15" customHeight="1">
      <c r="A34" s="17" t="s">
        <v>65</v>
      </c>
      <c r="B34" s="17"/>
      <c r="C34" s="13">
        <v>41257</v>
      </c>
      <c r="D34" s="19">
        <v>20655</v>
      </c>
      <c r="E34" s="19">
        <v>20602</v>
      </c>
      <c r="F34" s="19"/>
      <c r="G34" s="18" t="s">
        <v>66</v>
      </c>
      <c r="H34" s="17"/>
      <c r="I34" s="13">
        <v>51020</v>
      </c>
      <c r="J34" s="19">
        <v>23969</v>
      </c>
      <c r="K34" s="19">
        <v>27051</v>
      </c>
    </row>
    <row r="35" spans="1:11" ht="20.100000000000001" customHeight="1">
      <c r="A35" s="17" t="s">
        <v>67</v>
      </c>
      <c r="B35" s="17"/>
      <c r="C35" s="13">
        <v>199103</v>
      </c>
      <c r="D35" s="14">
        <v>101246</v>
      </c>
      <c r="E35" s="14">
        <v>97857</v>
      </c>
      <c r="F35" s="14"/>
      <c r="G35" s="18" t="s">
        <v>68</v>
      </c>
      <c r="H35" s="17"/>
      <c r="I35" s="13">
        <v>180368</v>
      </c>
      <c r="J35" s="14">
        <v>80766</v>
      </c>
      <c r="K35" s="14">
        <v>99602</v>
      </c>
    </row>
    <row r="36" spans="1:11" ht="15" customHeight="1">
      <c r="A36" s="17" t="s">
        <v>69</v>
      </c>
      <c r="B36" s="17"/>
      <c r="C36" s="13">
        <v>41092</v>
      </c>
      <c r="D36" s="19">
        <v>20918</v>
      </c>
      <c r="E36" s="19">
        <v>20174</v>
      </c>
      <c r="F36" s="19"/>
      <c r="G36" s="18" t="s">
        <v>70</v>
      </c>
      <c r="H36" s="17"/>
      <c r="I36" s="13">
        <v>34532</v>
      </c>
      <c r="J36" s="19">
        <v>15947</v>
      </c>
      <c r="K36" s="19">
        <v>18585</v>
      </c>
    </row>
    <row r="37" spans="1:11" ht="15" customHeight="1">
      <c r="A37" s="17" t="s">
        <v>71</v>
      </c>
      <c r="B37" s="17"/>
      <c r="C37" s="13">
        <v>40010</v>
      </c>
      <c r="D37" s="19">
        <v>20382</v>
      </c>
      <c r="E37" s="19">
        <v>19628</v>
      </c>
      <c r="F37" s="19"/>
      <c r="G37" s="18" t="s">
        <v>72</v>
      </c>
      <c r="H37" s="17"/>
      <c r="I37" s="13">
        <v>31276</v>
      </c>
      <c r="J37" s="19">
        <v>14225</v>
      </c>
      <c r="K37" s="19">
        <v>17051</v>
      </c>
    </row>
    <row r="38" spans="1:11" ht="15" customHeight="1">
      <c r="A38" s="17" t="s">
        <v>73</v>
      </c>
      <c r="B38" s="17"/>
      <c r="C38" s="13">
        <v>40856</v>
      </c>
      <c r="D38" s="19">
        <v>20651</v>
      </c>
      <c r="E38" s="19">
        <v>20205</v>
      </c>
      <c r="F38" s="19"/>
      <c r="G38" s="18" t="s">
        <v>74</v>
      </c>
      <c r="H38" s="17"/>
      <c r="I38" s="13">
        <v>37707</v>
      </c>
      <c r="J38" s="19">
        <v>16814</v>
      </c>
      <c r="K38" s="19">
        <v>20893</v>
      </c>
    </row>
    <row r="39" spans="1:11" ht="15" customHeight="1">
      <c r="A39" s="17" t="s">
        <v>75</v>
      </c>
      <c r="B39" s="17"/>
      <c r="C39" s="13">
        <v>38625</v>
      </c>
      <c r="D39" s="19">
        <v>19664</v>
      </c>
      <c r="E39" s="19">
        <v>18961</v>
      </c>
      <c r="F39" s="19"/>
      <c r="G39" s="18" t="s">
        <v>76</v>
      </c>
      <c r="H39" s="17"/>
      <c r="I39" s="13">
        <v>39516</v>
      </c>
      <c r="J39" s="19">
        <v>17388</v>
      </c>
      <c r="K39" s="19">
        <v>22128</v>
      </c>
    </row>
    <row r="40" spans="1:11" ht="15" customHeight="1">
      <c r="A40" s="17" t="s">
        <v>77</v>
      </c>
      <c r="B40" s="17"/>
      <c r="C40" s="13">
        <v>38520</v>
      </c>
      <c r="D40" s="19">
        <v>19631</v>
      </c>
      <c r="E40" s="19">
        <v>18889</v>
      </c>
      <c r="F40" s="19"/>
      <c r="G40" s="18" t="s">
        <v>78</v>
      </c>
      <c r="H40" s="17"/>
      <c r="I40" s="13">
        <v>37337</v>
      </c>
      <c r="J40" s="19">
        <v>16392</v>
      </c>
      <c r="K40" s="19">
        <v>20945</v>
      </c>
    </row>
    <row r="41" spans="1:11" ht="20.100000000000001" customHeight="1">
      <c r="A41" s="17" t="s">
        <v>79</v>
      </c>
      <c r="B41" s="17"/>
      <c r="C41" s="13">
        <v>197759</v>
      </c>
      <c r="D41" s="14">
        <v>100771</v>
      </c>
      <c r="E41" s="14">
        <v>96988</v>
      </c>
      <c r="F41" s="14"/>
      <c r="G41" s="18" t="s">
        <v>80</v>
      </c>
      <c r="H41" s="17"/>
      <c r="I41" s="13">
        <v>150410</v>
      </c>
      <c r="J41" s="14">
        <v>63815</v>
      </c>
      <c r="K41" s="14">
        <v>86595</v>
      </c>
    </row>
    <row r="42" spans="1:11" ht="15" customHeight="1">
      <c r="A42" s="17" t="s">
        <v>81</v>
      </c>
      <c r="B42" s="17"/>
      <c r="C42" s="13">
        <v>38845</v>
      </c>
      <c r="D42" s="19">
        <v>19803</v>
      </c>
      <c r="E42" s="19">
        <v>19042</v>
      </c>
      <c r="F42" s="19"/>
      <c r="G42" s="18" t="s">
        <v>82</v>
      </c>
      <c r="H42" s="17"/>
      <c r="I42" s="13">
        <v>36689</v>
      </c>
      <c r="J42" s="19">
        <v>15774</v>
      </c>
      <c r="K42" s="19">
        <v>20915</v>
      </c>
    </row>
    <row r="43" spans="1:11" ht="15" customHeight="1">
      <c r="A43" s="17" t="s">
        <v>83</v>
      </c>
      <c r="B43" s="17"/>
      <c r="C43" s="13">
        <v>38882</v>
      </c>
      <c r="D43" s="19">
        <v>19845</v>
      </c>
      <c r="E43" s="19">
        <v>19037</v>
      </c>
      <c r="F43" s="19"/>
      <c r="G43" s="18" t="s">
        <v>84</v>
      </c>
      <c r="H43" s="17"/>
      <c r="I43" s="13">
        <v>32916</v>
      </c>
      <c r="J43" s="19">
        <v>14015</v>
      </c>
      <c r="K43" s="19">
        <v>18901</v>
      </c>
    </row>
    <row r="44" spans="1:11" ht="15" customHeight="1">
      <c r="A44" s="17" t="s">
        <v>85</v>
      </c>
      <c r="B44" s="17"/>
      <c r="C44" s="13">
        <v>38352</v>
      </c>
      <c r="D44" s="19">
        <v>19472</v>
      </c>
      <c r="E44" s="19">
        <v>18880</v>
      </c>
      <c r="F44" s="19"/>
      <c r="G44" s="18" t="s">
        <v>86</v>
      </c>
      <c r="H44" s="17"/>
      <c r="I44" s="13">
        <v>27961</v>
      </c>
      <c r="J44" s="19">
        <v>11848</v>
      </c>
      <c r="K44" s="19">
        <v>16113</v>
      </c>
    </row>
    <row r="45" spans="1:11" ht="15" customHeight="1">
      <c r="A45" s="17" t="s">
        <v>87</v>
      </c>
      <c r="B45" s="17"/>
      <c r="C45" s="13">
        <v>40999</v>
      </c>
      <c r="D45" s="19">
        <v>20807</v>
      </c>
      <c r="E45" s="19">
        <v>20192</v>
      </c>
      <c r="F45" s="19"/>
      <c r="G45" s="18" t="s">
        <v>88</v>
      </c>
      <c r="H45" s="17"/>
      <c r="I45" s="13">
        <v>25738</v>
      </c>
      <c r="J45" s="19">
        <v>11075</v>
      </c>
      <c r="K45" s="19">
        <v>14663</v>
      </c>
    </row>
    <row r="46" spans="1:11" ht="15" customHeight="1">
      <c r="A46" s="17" t="s">
        <v>89</v>
      </c>
      <c r="B46" s="17"/>
      <c r="C46" s="13">
        <v>40681</v>
      </c>
      <c r="D46" s="19">
        <v>20844</v>
      </c>
      <c r="E46" s="19">
        <v>19837</v>
      </c>
      <c r="F46" s="19"/>
      <c r="G46" s="18" t="s">
        <v>90</v>
      </c>
      <c r="H46" s="17"/>
      <c r="I46" s="13">
        <v>27106</v>
      </c>
      <c r="J46" s="19">
        <v>11103</v>
      </c>
      <c r="K46" s="19">
        <v>16003</v>
      </c>
    </row>
    <row r="47" spans="1:11" ht="20.100000000000001" customHeight="1">
      <c r="A47" s="17" t="s">
        <v>91</v>
      </c>
      <c r="B47" s="17"/>
      <c r="C47" s="13">
        <v>222226</v>
      </c>
      <c r="D47" s="14">
        <v>113098</v>
      </c>
      <c r="E47" s="14">
        <v>109128</v>
      </c>
      <c r="F47" s="14"/>
      <c r="G47" s="18" t="s">
        <v>92</v>
      </c>
      <c r="H47" s="17"/>
      <c r="I47" s="13">
        <v>100422</v>
      </c>
      <c r="J47" s="14">
        <v>37751</v>
      </c>
      <c r="K47" s="14">
        <v>62671</v>
      </c>
    </row>
    <row r="48" spans="1:11" ht="15" customHeight="1">
      <c r="A48" s="17" t="s">
        <v>93</v>
      </c>
      <c r="B48" s="17"/>
      <c r="C48" s="13">
        <v>41357</v>
      </c>
      <c r="D48" s="19">
        <v>21018</v>
      </c>
      <c r="E48" s="19">
        <v>20339</v>
      </c>
      <c r="F48" s="19"/>
      <c r="G48" s="18" t="s">
        <v>94</v>
      </c>
      <c r="H48" s="17"/>
      <c r="I48" s="13">
        <v>24536</v>
      </c>
      <c r="J48" s="19">
        <v>9690</v>
      </c>
      <c r="K48" s="19">
        <v>14846</v>
      </c>
    </row>
    <row r="49" spans="1:11" ht="15" customHeight="1">
      <c r="A49" s="17" t="s">
        <v>95</v>
      </c>
      <c r="B49" s="17"/>
      <c r="C49" s="13">
        <v>43387</v>
      </c>
      <c r="D49" s="19">
        <v>21895</v>
      </c>
      <c r="E49" s="19">
        <v>21492</v>
      </c>
      <c r="F49" s="19"/>
      <c r="G49" s="18" t="s">
        <v>96</v>
      </c>
      <c r="H49" s="17"/>
      <c r="I49" s="13">
        <v>23522</v>
      </c>
      <c r="J49" s="19">
        <v>9187</v>
      </c>
      <c r="K49" s="19">
        <v>14335</v>
      </c>
    </row>
    <row r="50" spans="1:11" ht="15" customHeight="1">
      <c r="A50" s="17" t="s">
        <v>97</v>
      </c>
      <c r="B50" s="17"/>
      <c r="C50" s="13">
        <v>45360</v>
      </c>
      <c r="D50" s="19">
        <v>23272</v>
      </c>
      <c r="E50" s="19">
        <v>22088</v>
      </c>
      <c r="F50" s="19"/>
      <c r="G50" s="18" t="s">
        <v>98</v>
      </c>
      <c r="H50" s="17"/>
      <c r="I50" s="13">
        <v>19165</v>
      </c>
      <c r="J50" s="19">
        <v>7195</v>
      </c>
      <c r="K50" s="19">
        <v>11970</v>
      </c>
    </row>
    <row r="51" spans="1:11" ht="15" customHeight="1">
      <c r="A51" s="17" t="s">
        <v>99</v>
      </c>
      <c r="B51" s="17"/>
      <c r="C51" s="13">
        <v>46033</v>
      </c>
      <c r="D51" s="19">
        <v>23425</v>
      </c>
      <c r="E51" s="19">
        <v>22608</v>
      </c>
      <c r="F51" s="19"/>
      <c r="G51" s="18" t="s">
        <v>100</v>
      </c>
      <c r="H51" s="17"/>
      <c r="I51" s="13">
        <v>17655</v>
      </c>
      <c r="J51" s="19">
        <v>6309</v>
      </c>
      <c r="K51" s="19">
        <v>11346</v>
      </c>
    </row>
    <row r="52" spans="1:11" ht="15" customHeight="1">
      <c r="A52" s="17" t="s">
        <v>101</v>
      </c>
      <c r="B52" s="17"/>
      <c r="C52" s="13">
        <v>46089</v>
      </c>
      <c r="D52" s="19">
        <v>23488</v>
      </c>
      <c r="E52" s="19">
        <v>22601</v>
      </c>
      <c r="F52" s="19"/>
      <c r="G52" s="18" t="s">
        <v>102</v>
      </c>
      <c r="H52" s="17"/>
      <c r="I52" s="13">
        <v>15544</v>
      </c>
      <c r="J52" s="19">
        <v>5370</v>
      </c>
      <c r="K52" s="19">
        <v>10174</v>
      </c>
    </row>
    <row r="53" spans="1:11" ht="20.100000000000001" customHeight="1">
      <c r="A53" s="17" t="s">
        <v>103</v>
      </c>
      <c r="B53" s="17"/>
      <c r="C53" s="13">
        <v>248893</v>
      </c>
      <c r="D53" s="14">
        <v>126399</v>
      </c>
      <c r="E53" s="14">
        <v>122494</v>
      </c>
      <c r="F53" s="14"/>
      <c r="G53" s="18" t="s">
        <v>104</v>
      </c>
      <c r="H53" s="17"/>
      <c r="I53" s="13">
        <v>45634</v>
      </c>
      <c r="J53" s="14">
        <v>13724</v>
      </c>
      <c r="K53" s="14">
        <v>31910</v>
      </c>
    </row>
    <row r="54" spans="1:11" ht="15" customHeight="1">
      <c r="A54" s="17" t="s">
        <v>105</v>
      </c>
      <c r="B54" s="17"/>
      <c r="C54" s="13">
        <v>46627</v>
      </c>
      <c r="D54" s="19">
        <v>23704</v>
      </c>
      <c r="E54" s="19">
        <v>22923</v>
      </c>
      <c r="F54" s="19"/>
      <c r="G54" s="18" t="s">
        <v>106</v>
      </c>
      <c r="H54" s="17"/>
      <c r="I54" s="13">
        <v>13113</v>
      </c>
      <c r="J54" s="19">
        <v>4269</v>
      </c>
      <c r="K54" s="19">
        <v>8844</v>
      </c>
    </row>
    <row r="55" spans="1:11" ht="15" customHeight="1">
      <c r="A55" s="17" t="s">
        <v>107</v>
      </c>
      <c r="B55" s="17"/>
      <c r="C55" s="13">
        <v>47821</v>
      </c>
      <c r="D55" s="19">
        <v>24080</v>
      </c>
      <c r="E55" s="19">
        <v>23741</v>
      </c>
      <c r="F55" s="19"/>
      <c r="G55" s="18" t="s">
        <v>108</v>
      </c>
      <c r="H55" s="17"/>
      <c r="I55" s="13">
        <v>10844</v>
      </c>
      <c r="J55" s="19">
        <v>3431</v>
      </c>
      <c r="K55" s="19">
        <v>7413</v>
      </c>
    </row>
    <row r="56" spans="1:11" ht="15" customHeight="1">
      <c r="A56" s="17" t="s">
        <v>109</v>
      </c>
      <c r="B56" s="17"/>
      <c r="C56" s="13">
        <v>49657</v>
      </c>
      <c r="D56" s="19">
        <v>25277</v>
      </c>
      <c r="E56" s="19">
        <v>24380</v>
      </c>
      <c r="F56" s="19"/>
      <c r="G56" s="18" t="s">
        <v>110</v>
      </c>
      <c r="H56" s="17"/>
      <c r="I56" s="13">
        <v>8912</v>
      </c>
      <c r="J56" s="19">
        <v>2572</v>
      </c>
      <c r="K56" s="19">
        <v>6340</v>
      </c>
    </row>
    <row r="57" spans="1:11" ht="15" customHeight="1">
      <c r="A57" s="17" t="s">
        <v>111</v>
      </c>
      <c r="B57" s="17"/>
      <c r="C57" s="13">
        <v>51445</v>
      </c>
      <c r="D57" s="19">
        <v>26139</v>
      </c>
      <c r="E57" s="19">
        <v>25306</v>
      </c>
      <c r="F57" s="19"/>
      <c r="G57" s="18" t="s">
        <v>112</v>
      </c>
      <c r="H57" s="17"/>
      <c r="I57" s="13">
        <v>7485</v>
      </c>
      <c r="J57" s="19">
        <v>2060</v>
      </c>
      <c r="K57" s="19">
        <v>5425</v>
      </c>
    </row>
    <row r="58" spans="1:11" ht="15" customHeight="1">
      <c r="A58" s="17" t="s">
        <v>113</v>
      </c>
      <c r="B58" s="17"/>
      <c r="C58" s="13">
        <v>53343</v>
      </c>
      <c r="D58" s="19">
        <v>27199</v>
      </c>
      <c r="E58" s="19">
        <v>26144</v>
      </c>
      <c r="F58" s="19"/>
      <c r="G58" s="18" t="s">
        <v>114</v>
      </c>
      <c r="H58" s="17"/>
      <c r="I58" s="13">
        <v>5280</v>
      </c>
      <c r="J58" s="19">
        <v>1392</v>
      </c>
      <c r="K58" s="19">
        <v>3888</v>
      </c>
    </row>
    <row r="59" spans="1:11" ht="20.100000000000001" customHeight="1">
      <c r="A59" s="17" t="s">
        <v>115</v>
      </c>
      <c r="B59" s="17"/>
      <c r="C59" s="13">
        <v>304388</v>
      </c>
      <c r="D59" s="14">
        <v>153389</v>
      </c>
      <c r="E59" s="14">
        <v>150999</v>
      </c>
      <c r="F59" s="14"/>
      <c r="G59" s="18" t="s">
        <v>116</v>
      </c>
      <c r="H59" s="17"/>
      <c r="I59" s="13">
        <v>11939</v>
      </c>
      <c r="J59" s="14">
        <v>2575</v>
      </c>
      <c r="K59" s="14">
        <v>9364</v>
      </c>
    </row>
    <row r="60" spans="1:11" ht="15" customHeight="1">
      <c r="A60" s="17" t="s">
        <v>117</v>
      </c>
      <c r="B60" s="17"/>
      <c r="C60" s="13">
        <v>55558</v>
      </c>
      <c r="D60" s="19">
        <v>28085</v>
      </c>
      <c r="E60" s="19">
        <v>27473</v>
      </c>
      <c r="F60" s="19"/>
      <c r="G60" s="18" t="s">
        <v>118</v>
      </c>
      <c r="H60" s="17"/>
      <c r="I60" s="13">
        <v>4111</v>
      </c>
      <c r="J60" s="19">
        <v>1037</v>
      </c>
      <c r="K60" s="19">
        <v>3074</v>
      </c>
    </row>
    <row r="61" spans="1:11" ht="15" customHeight="1">
      <c r="A61" s="17" t="s">
        <v>119</v>
      </c>
      <c r="B61" s="17"/>
      <c r="C61" s="13">
        <v>57328</v>
      </c>
      <c r="D61" s="19">
        <v>29081</v>
      </c>
      <c r="E61" s="19">
        <v>28247</v>
      </c>
      <c r="F61" s="19"/>
      <c r="G61" s="18" t="s">
        <v>120</v>
      </c>
      <c r="H61" s="17"/>
      <c r="I61" s="13">
        <v>3208</v>
      </c>
      <c r="J61" s="19">
        <v>693</v>
      </c>
      <c r="K61" s="19">
        <v>2515</v>
      </c>
    </row>
    <row r="62" spans="1:11" ht="15" customHeight="1">
      <c r="A62" s="17" t="s">
        <v>121</v>
      </c>
      <c r="B62" s="17"/>
      <c r="C62" s="13">
        <v>61769</v>
      </c>
      <c r="D62" s="19">
        <v>31152</v>
      </c>
      <c r="E62" s="19">
        <v>30617</v>
      </c>
      <c r="F62" s="19"/>
      <c r="G62" s="18" t="s">
        <v>122</v>
      </c>
      <c r="H62" s="17"/>
      <c r="I62" s="13">
        <v>2197</v>
      </c>
      <c r="J62" s="19">
        <v>433</v>
      </c>
      <c r="K62" s="19">
        <v>1764</v>
      </c>
    </row>
    <row r="63" spans="1:11" ht="15" customHeight="1">
      <c r="A63" s="17" t="s">
        <v>123</v>
      </c>
      <c r="B63" s="17"/>
      <c r="C63" s="13">
        <v>65019</v>
      </c>
      <c r="D63" s="19">
        <v>32616</v>
      </c>
      <c r="E63" s="19">
        <v>32403</v>
      </c>
      <c r="F63" s="19"/>
      <c r="G63" s="18" t="s">
        <v>124</v>
      </c>
      <c r="H63" s="17"/>
      <c r="I63" s="13">
        <v>1425</v>
      </c>
      <c r="J63" s="19">
        <v>248</v>
      </c>
      <c r="K63" s="19">
        <v>1177</v>
      </c>
    </row>
    <row r="64" spans="1:11" ht="15" customHeight="1">
      <c r="A64" s="17" t="s">
        <v>125</v>
      </c>
      <c r="B64" s="17"/>
      <c r="C64" s="13">
        <v>64714</v>
      </c>
      <c r="D64" s="19">
        <v>32455</v>
      </c>
      <c r="E64" s="19">
        <v>32259</v>
      </c>
      <c r="F64" s="19"/>
      <c r="G64" s="18" t="s">
        <v>126</v>
      </c>
      <c r="H64" s="17"/>
      <c r="I64" s="13">
        <v>998</v>
      </c>
      <c r="J64" s="19">
        <v>164</v>
      </c>
      <c r="K64" s="19">
        <v>834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857</v>
      </c>
      <c r="J65" s="19">
        <v>248</v>
      </c>
      <c r="K65" s="19">
        <v>1609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98789</v>
      </c>
      <c r="J66" s="27">
        <v>53720</v>
      </c>
      <c r="K66" s="27">
        <v>45069</v>
      </c>
    </row>
    <row r="68" spans="1:11">
      <c r="F68" s="28"/>
    </row>
    <row r="75" spans="1:11">
      <c r="F75" s="29"/>
    </row>
    <row r="76" spans="1:11">
      <c r="F76" s="22"/>
    </row>
    <row r="77" spans="1:11">
      <c r="F77" s="22"/>
    </row>
    <row r="78" spans="1:11">
      <c r="F78" s="22"/>
    </row>
    <row r="79" spans="1:11">
      <c r="F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1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14891</v>
      </c>
      <c r="D4" s="14">
        <v>105270</v>
      </c>
      <c r="E4" s="14">
        <v>109621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601</v>
      </c>
      <c r="D5" s="14">
        <v>4401</v>
      </c>
      <c r="E5" s="14">
        <v>4200</v>
      </c>
      <c r="F5" s="14"/>
      <c r="G5" s="18" t="s">
        <v>8</v>
      </c>
      <c r="H5" s="17"/>
      <c r="I5" s="13">
        <v>20684</v>
      </c>
      <c r="J5" s="14">
        <v>10270</v>
      </c>
      <c r="K5" s="14">
        <v>10414</v>
      </c>
    </row>
    <row r="6" spans="1:11" ht="15" customHeight="1">
      <c r="A6" s="17" t="s">
        <v>9</v>
      </c>
      <c r="B6" s="17"/>
      <c r="C6" s="13">
        <v>1548</v>
      </c>
      <c r="D6" s="19">
        <v>786</v>
      </c>
      <c r="E6" s="19">
        <v>762</v>
      </c>
      <c r="F6" s="19"/>
      <c r="G6" s="18" t="s">
        <v>10</v>
      </c>
      <c r="H6" s="17"/>
      <c r="I6" s="13">
        <v>4007</v>
      </c>
      <c r="J6" s="19">
        <v>1937</v>
      </c>
      <c r="K6" s="19">
        <v>2070</v>
      </c>
    </row>
    <row r="7" spans="1:11" ht="15" customHeight="1">
      <c r="A7" s="17" t="s">
        <v>11</v>
      </c>
      <c r="B7" s="17"/>
      <c r="C7" s="13">
        <v>1656</v>
      </c>
      <c r="D7" s="19">
        <v>868</v>
      </c>
      <c r="E7" s="19">
        <v>788</v>
      </c>
      <c r="F7" s="19"/>
      <c r="G7" s="18" t="s">
        <v>12</v>
      </c>
      <c r="H7" s="17"/>
      <c r="I7" s="13">
        <v>4146</v>
      </c>
      <c r="J7" s="19">
        <v>2041</v>
      </c>
      <c r="K7" s="19">
        <v>2105</v>
      </c>
    </row>
    <row r="8" spans="1:11" ht="15" customHeight="1">
      <c r="A8" s="17" t="s">
        <v>13</v>
      </c>
      <c r="B8" s="17"/>
      <c r="C8" s="13">
        <v>1650</v>
      </c>
      <c r="D8" s="19">
        <v>844</v>
      </c>
      <c r="E8" s="19">
        <v>806</v>
      </c>
      <c r="F8" s="19"/>
      <c r="G8" s="18" t="s">
        <v>14</v>
      </c>
      <c r="H8" s="17"/>
      <c r="I8" s="13">
        <v>4106</v>
      </c>
      <c r="J8" s="19">
        <v>2045</v>
      </c>
      <c r="K8" s="19">
        <v>2061</v>
      </c>
    </row>
    <row r="9" spans="1:11" ht="15" customHeight="1">
      <c r="A9" s="17" t="s">
        <v>15</v>
      </c>
      <c r="B9" s="17"/>
      <c r="C9" s="13">
        <v>1804</v>
      </c>
      <c r="D9" s="19">
        <v>923</v>
      </c>
      <c r="E9" s="19">
        <v>881</v>
      </c>
      <c r="F9" s="19"/>
      <c r="G9" s="18" t="s">
        <v>16</v>
      </c>
      <c r="H9" s="17"/>
      <c r="I9" s="13">
        <v>4181</v>
      </c>
      <c r="J9" s="19">
        <v>2116</v>
      </c>
      <c r="K9" s="19">
        <v>2065</v>
      </c>
    </row>
    <row r="10" spans="1:11" ht="15" customHeight="1">
      <c r="A10" s="17" t="s">
        <v>17</v>
      </c>
      <c r="B10" s="17"/>
      <c r="C10" s="13">
        <v>1943</v>
      </c>
      <c r="D10" s="19">
        <v>980</v>
      </c>
      <c r="E10" s="19">
        <v>963</v>
      </c>
      <c r="F10" s="19"/>
      <c r="G10" s="18" t="s">
        <v>18</v>
      </c>
      <c r="H10" s="17"/>
      <c r="I10" s="13">
        <v>4244</v>
      </c>
      <c r="J10" s="19">
        <v>2131</v>
      </c>
      <c r="K10" s="19">
        <v>2113</v>
      </c>
    </row>
    <row r="11" spans="1:11" ht="20.100000000000001" customHeight="1">
      <c r="A11" s="17" t="s">
        <v>19</v>
      </c>
      <c r="B11" s="17"/>
      <c r="C11" s="13">
        <v>10810</v>
      </c>
      <c r="D11" s="14">
        <v>5525</v>
      </c>
      <c r="E11" s="14">
        <v>5285</v>
      </c>
      <c r="F11" s="14"/>
      <c r="G11" s="18" t="s">
        <v>20</v>
      </c>
      <c r="H11" s="17"/>
      <c r="I11" s="13">
        <v>16406</v>
      </c>
      <c r="J11" s="14">
        <v>8463</v>
      </c>
      <c r="K11" s="14">
        <v>7943</v>
      </c>
    </row>
    <row r="12" spans="1:11" ht="15" customHeight="1">
      <c r="A12" s="17" t="s">
        <v>21</v>
      </c>
      <c r="B12" s="17"/>
      <c r="C12" s="13">
        <v>2011</v>
      </c>
      <c r="D12" s="19">
        <v>1019</v>
      </c>
      <c r="E12" s="19">
        <v>992</v>
      </c>
      <c r="F12" s="19"/>
      <c r="G12" s="18" t="s">
        <v>22</v>
      </c>
      <c r="H12" s="17"/>
      <c r="I12" s="13">
        <v>2947</v>
      </c>
      <c r="J12" s="19">
        <v>1473</v>
      </c>
      <c r="K12" s="19">
        <v>1474</v>
      </c>
    </row>
    <row r="13" spans="1:11" ht="15" customHeight="1">
      <c r="A13" s="17" t="s">
        <v>23</v>
      </c>
      <c r="B13" s="17"/>
      <c r="C13" s="13">
        <v>2168</v>
      </c>
      <c r="D13" s="19">
        <v>1127</v>
      </c>
      <c r="E13" s="19">
        <v>1041</v>
      </c>
      <c r="F13" s="19"/>
      <c r="G13" s="18" t="s">
        <v>24</v>
      </c>
      <c r="H13" s="17"/>
      <c r="I13" s="13">
        <v>3850</v>
      </c>
      <c r="J13" s="19">
        <v>1983</v>
      </c>
      <c r="K13" s="19">
        <v>1867</v>
      </c>
    </row>
    <row r="14" spans="1:11" ht="15" customHeight="1">
      <c r="A14" s="17" t="s">
        <v>25</v>
      </c>
      <c r="B14" s="17"/>
      <c r="C14" s="13">
        <v>2177</v>
      </c>
      <c r="D14" s="19">
        <v>1067</v>
      </c>
      <c r="E14" s="19">
        <v>1110</v>
      </c>
      <c r="F14" s="19"/>
      <c r="G14" s="18" t="s">
        <v>26</v>
      </c>
      <c r="H14" s="17"/>
      <c r="I14" s="13">
        <v>3568</v>
      </c>
      <c r="J14" s="19">
        <v>1845</v>
      </c>
      <c r="K14" s="19">
        <v>1723</v>
      </c>
    </row>
    <row r="15" spans="1:11" ht="15" customHeight="1">
      <c r="A15" s="17" t="s">
        <v>27</v>
      </c>
      <c r="B15" s="17"/>
      <c r="C15" s="13">
        <v>2239</v>
      </c>
      <c r="D15" s="19">
        <v>1174</v>
      </c>
      <c r="E15" s="19">
        <v>1065</v>
      </c>
      <c r="F15" s="19"/>
      <c r="G15" s="18" t="s">
        <v>28</v>
      </c>
      <c r="H15" s="17"/>
      <c r="I15" s="13">
        <v>3207</v>
      </c>
      <c r="J15" s="19">
        <v>1702</v>
      </c>
      <c r="K15" s="19">
        <v>1505</v>
      </c>
    </row>
    <row r="16" spans="1:11" ht="15" customHeight="1">
      <c r="A16" s="17" t="s">
        <v>29</v>
      </c>
      <c r="B16" s="17"/>
      <c r="C16" s="13">
        <v>2215</v>
      </c>
      <c r="D16" s="19">
        <v>1138</v>
      </c>
      <c r="E16" s="19">
        <v>1077</v>
      </c>
      <c r="F16" s="19"/>
      <c r="G16" s="18" t="s">
        <v>30</v>
      </c>
      <c r="H16" s="17"/>
      <c r="I16" s="13">
        <v>2834</v>
      </c>
      <c r="J16" s="19">
        <v>1460</v>
      </c>
      <c r="K16" s="19">
        <v>1374</v>
      </c>
    </row>
    <row r="17" spans="1:11" ht="20.100000000000001" customHeight="1">
      <c r="A17" s="20" t="s">
        <v>31</v>
      </c>
      <c r="B17" s="20"/>
      <c r="C17" s="13">
        <v>11883</v>
      </c>
      <c r="D17" s="14">
        <v>6143</v>
      </c>
      <c r="E17" s="14">
        <v>5740</v>
      </c>
      <c r="F17" s="14"/>
      <c r="G17" s="18" t="s">
        <v>32</v>
      </c>
      <c r="H17" s="17"/>
      <c r="I17" s="13">
        <v>11403</v>
      </c>
      <c r="J17" s="14">
        <v>5993</v>
      </c>
      <c r="K17" s="14">
        <v>5410</v>
      </c>
    </row>
    <row r="18" spans="1:11" ht="15" customHeight="1">
      <c r="A18" s="17" t="s">
        <v>33</v>
      </c>
      <c r="B18" s="17"/>
      <c r="C18" s="13">
        <v>2363</v>
      </c>
      <c r="D18" s="19">
        <v>1226</v>
      </c>
      <c r="E18" s="19">
        <v>1137</v>
      </c>
      <c r="F18" s="19"/>
      <c r="G18" s="18" t="s">
        <v>34</v>
      </c>
      <c r="H18" s="17"/>
      <c r="I18" s="13">
        <v>2633</v>
      </c>
      <c r="J18" s="19">
        <v>1372</v>
      </c>
      <c r="K18" s="19">
        <v>1261</v>
      </c>
    </row>
    <row r="19" spans="1:11" ht="15" customHeight="1">
      <c r="A19" s="17" t="s">
        <v>35</v>
      </c>
      <c r="B19" s="17"/>
      <c r="C19" s="13">
        <v>2372</v>
      </c>
      <c r="D19" s="19">
        <v>1252</v>
      </c>
      <c r="E19" s="19">
        <v>1120</v>
      </c>
      <c r="F19" s="19"/>
      <c r="G19" s="18" t="s">
        <v>36</v>
      </c>
      <c r="H19" s="17"/>
      <c r="I19" s="13">
        <v>2409</v>
      </c>
      <c r="J19" s="19">
        <v>1285</v>
      </c>
      <c r="K19" s="19">
        <v>1124</v>
      </c>
    </row>
    <row r="20" spans="1:11" ht="15" customHeight="1">
      <c r="A20" s="17" t="s">
        <v>37</v>
      </c>
      <c r="B20" s="17"/>
      <c r="C20" s="13">
        <v>2418</v>
      </c>
      <c r="D20" s="19">
        <v>1248</v>
      </c>
      <c r="E20" s="19">
        <v>1170</v>
      </c>
      <c r="F20" s="19"/>
      <c r="G20" s="18" t="s">
        <v>38</v>
      </c>
      <c r="H20" s="17"/>
      <c r="I20" s="13">
        <v>2259</v>
      </c>
      <c r="J20" s="19">
        <v>1191</v>
      </c>
      <c r="K20" s="19">
        <v>1068</v>
      </c>
    </row>
    <row r="21" spans="1:11" ht="15" customHeight="1">
      <c r="A21" s="17" t="s">
        <v>39</v>
      </c>
      <c r="B21" s="17"/>
      <c r="C21" s="13">
        <v>2299</v>
      </c>
      <c r="D21" s="19">
        <v>1137</v>
      </c>
      <c r="E21" s="19">
        <v>1162</v>
      </c>
      <c r="F21" s="19"/>
      <c r="G21" s="18" t="s">
        <v>40</v>
      </c>
      <c r="H21" s="17"/>
      <c r="I21" s="13">
        <v>2176</v>
      </c>
      <c r="J21" s="19">
        <v>1163</v>
      </c>
      <c r="K21" s="19">
        <v>1013</v>
      </c>
    </row>
    <row r="22" spans="1:11" ht="15" customHeight="1">
      <c r="A22" s="17" t="s">
        <v>41</v>
      </c>
      <c r="B22" s="17"/>
      <c r="C22" s="13">
        <v>2431</v>
      </c>
      <c r="D22" s="19">
        <v>1280</v>
      </c>
      <c r="E22" s="19">
        <v>1151</v>
      </c>
      <c r="F22" s="19"/>
      <c r="G22" s="18" t="s">
        <v>42</v>
      </c>
      <c r="H22" s="17"/>
      <c r="I22" s="13">
        <v>1926</v>
      </c>
      <c r="J22" s="19">
        <v>982</v>
      </c>
      <c r="K22" s="19">
        <v>944</v>
      </c>
    </row>
    <row r="23" spans="1:11" ht="20.100000000000001" customHeight="1">
      <c r="A23" s="17" t="s">
        <v>43</v>
      </c>
      <c r="B23" s="17"/>
      <c r="C23" s="13">
        <v>12102</v>
      </c>
      <c r="D23" s="14">
        <v>6281</v>
      </c>
      <c r="E23" s="14">
        <v>5821</v>
      </c>
      <c r="F23" s="14"/>
      <c r="G23" s="18" t="s">
        <v>44</v>
      </c>
      <c r="H23" s="17"/>
      <c r="I23" s="13">
        <v>8936</v>
      </c>
      <c r="J23" s="14">
        <v>4439</v>
      </c>
      <c r="K23" s="14">
        <v>4497</v>
      </c>
    </row>
    <row r="24" spans="1:11" ht="15" customHeight="1">
      <c r="A24" s="17" t="s">
        <v>45</v>
      </c>
      <c r="B24" s="17"/>
      <c r="C24" s="13">
        <v>2411</v>
      </c>
      <c r="D24" s="19">
        <v>1260</v>
      </c>
      <c r="E24" s="19">
        <v>1151</v>
      </c>
      <c r="F24" s="19"/>
      <c r="G24" s="18" t="s">
        <v>46</v>
      </c>
      <c r="H24" s="17"/>
      <c r="I24" s="13">
        <v>1852</v>
      </c>
      <c r="J24" s="19">
        <v>938</v>
      </c>
      <c r="K24" s="19">
        <v>914</v>
      </c>
    </row>
    <row r="25" spans="1:11" ht="15" customHeight="1">
      <c r="A25" s="17" t="s">
        <v>47</v>
      </c>
      <c r="B25" s="17"/>
      <c r="C25" s="13">
        <v>2312</v>
      </c>
      <c r="D25" s="19">
        <v>1240</v>
      </c>
      <c r="E25" s="19">
        <v>1072</v>
      </c>
      <c r="F25" s="19"/>
      <c r="G25" s="18" t="s">
        <v>48</v>
      </c>
      <c r="H25" s="17"/>
      <c r="I25" s="13">
        <v>1823</v>
      </c>
      <c r="J25" s="19">
        <v>954</v>
      </c>
      <c r="K25" s="19">
        <v>869</v>
      </c>
    </row>
    <row r="26" spans="1:11" ht="15" customHeight="1">
      <c r="A26" s="17" t="s">
        <v>49</v>
      </c>
      <c r="B26" s="17"/>
      <c r="C26" s="13">
        <v>2382</v>
      </c>
      <c r="D26" s="19">
        <v>1211</v>
      </c>
      <c r="E26" s="19">
        <v>1171</v>
      </c>
      <c r="F26" s="19"/>
      <c r="G26" s="18" t="s">
        <v>50</v>
      </c>
      <c r="H26" s="17"/>
      <c r="I26" s="13">
        <v>1706</v>
      </c>
      <c r="J26" s="19">
        <v>820</v>
      </c>
      <c r="K26" s="19">
        <v>886</v>
      </c>
    </row>
    <row r="27" spans="1:11" ht="15" customHeight="1">
      <c r="A27" s="17" t="s">
        <v>51</v>
      </c>
      <c r="B27" s="17"/>
      <c r="C27" s="13">
        <v>2488</v>
      </c>
      <c r="D27" s="19">
        <v>1258</v>
      </c>
      <c r="E27" s="19">
        <v>1230</v>
      </c>
      <c r="F27" s="19"/>
      <c r="G27" s="18" t="s">
        <v>52</v>
      </c>
      <c r="H27" s="17"/>
      <c r="I27" s="13">
        <v>1710</v>
      </c>
      <c r="J27" s="19">
        <v>844</v>
      </c>
      <c r="K27" s="19">
        <v>866</v>
      </c>
    </row>
    <row r="28" spans="1:11" ht="15" customHeight="1">
      <c r="A28" s="17" t="s">
        <v>53</v>
      </c>
      <c r="B28" s="17"/>
      <c r="C28" s="13">
        <v>2509</v>
      </c>
      <c r="D28" s="19">
        <v>1312</v>
      </c>
      <c r="E28" s="19">
        <v>1197</v>
      </c>
      <c r="F28" s="19"/>
      <c r="G28" s="18" t="s">
        <v>54</v>
      </c>
      <c r="H28" s="17"/>
      <c r="I28" s="13">
        <v>1845</v>
      </c>
      <c r="J28" s="19">
        <v>883</v>
      </c>
      <c r="K28" s="19">
        <v>962</v>
      </c>
    </row>
    <row r="29" spans="1:11" ht="20.100000000000001" customHeight="1">
      <c r="A29" s="17" t="s">
        <v>55</v>
      </c>
      <c r="B29" s="17"/>
      <c r="C29" s="13">
        <v>12446</v>
      </c>
      <c r="D29" s="14">
        <v>6236</v>
      </c>
      <c r="E29" s="14">
        <v>6210</v>
      </c>
      <c r="F29" s="14"/>
      <c r="G29" s="18" t="s">
        <v>56</v>
      </c>
      <c r="H29" s="17"/>
      <c r="I29" s="13">
        <v>10124</v>
      </c>
      <c r="J29" s="14">
        <v>4986</v>
      </c>
      <c r="K29" s="14">
        <v>5138</v>
      </c>
    </row>
    <row r="30" spans="1:11" ht="15" customHeight="1">
      <c r="A30" s="17" t="s">
        <v>57</v>
      </c>
      <c r="B30" s="17"/>
      <c r="C30" s="13">
        <v>2541</v>
      </c>
      <c r="D30" s="19">
        <v>1273</v>
      </c>
      <c r="E30" s="19">
        <v>1268</v>
      </c>
      <c r="F30" s="19"/>
      <c r="G30" s="18" t="s">
        <v>58</v>
      </c>
      <c r="H30" s="17"/>
      <c r="I30" s="13">
        <v>1772</v>
      </c>
      <c r="J30" s="19">
        <v>895</v>
      </c>
      <c r="K30" s="19">
        <v>877</v>
      </c>
    </row>
    <row r="31" spans="1:11" ht="15" customHeight="1">
      <c r="A31" s="17" t="s">
        <v>59</v>
      </c>
      <c r="B31" s="17"/>
      <c r="C31" s="13">
        <v>2527</v>
      </c>
      <c r="D31" s="19">
        <v>1266</v>
      </c>
      <c r="E31" s="19">
        <v>1261</v>
      </c>
      <c r="F31" s="19"/>
      <c r="G31" s="18" t="s">
        <v>60</v>
      </c>
      <c r="H31" s="17"/>
      <c r="I31" s="13">
        <v>1969</v>
      </c>
      <c r="J31" s="19">
        <v>968</v>
      </c>
      <c r="K31" s="19">
        <v>1001</v>
      </c>
    </row>
    <row r="32" spans="1:11" ht="15" customHeight="1">
      <c r="A32" s="17" t="s">
        <v>61</v>
      </c>
      <c r="B32" s="17"/>
      <c r="C32" s="13">
        <v>2611</v>
      </c>
      <c r="D32" s="19">
        <v>1277</v>
      </c>
      <c r="E32" s="19">
        <v>1334</v>
      </c>
      <c r="F32" s="19"/>
      <c r="G32" s="18" t="s">
        <v>62</v>
      </c>
      <c r="H32" s="17"/>
      <c r="I32" s="13">
        <v>2171</v>
      </c>
      <c r="J32" s="19">
        <v>1090</v>
      </c>
      <c r="K32" s="19">
        <v>1081</v>
      </c>
    </row>
    <row r="33" spans="1:11" ht="15" customHeight="1">
      <c r="A33" s="17" t="s">
        <v>63</v>
      </c>
      <c r="B33" s="17"/>
      <c r="C33" s="13">
        <v>2402</v>
      </c>
      <c r="D33" s="19">
        <v>1221</v>
      </c>
      <c r="E33" s="19">
        <v>1181</v>
      </c>
      <c r="F33" s="19"/>
      <c r="G33" s="18" t="s">
        <v>64</v>
      </c>
      <c r="H33" s="17"/>
      <c r="I33" s="13">
        <v>2113</v>
      </c>
      <c r="J33" s="19">
        <v>1021</v>
      </c>
      <c r="K33" s="19">
        <v>1092</v>
      </c>
    </row>
    <row r="34" spans="1:11" ht="15" customHeight="1">
      <c r="A34" s="17" t="s">
        <v>65</v>
      </c>
      <c r="B34" s="17"/>
      <c r="C34" s="13">
        <v>2365</v>
      </c>
      <c r="D34" s="19">
        <v>1199</v>
      </c>
      <c r="E34" s="19">
        <v>1166</v>
      </c>
      <c r="F34" s="19"/>
      <c r="G34" s="18" t="s">
        <v>66</v>
      </c>
      <c r="H34" s="17"/>
      <c r="I34" s="13">
        <v>2099</v>
      </c>
      <c r="J34" s="19">
        <v>1012</v>
      </c>
      <c r="K34" s="19">
        <v>1087</v>
      </c>
    </row>
    <row r="35" spans="1:11" ht="20.100000000000001" customHeight="1">
      <c r="A35" s="17" t="s">
        <v>67</v>
      </c>
      <c r="B35" s="17"/>
      <c r="C35" s="13">
        <v>10177</v>
      </c>
      <c r="D35" s="14">
        <v>5002</v>
      </c>
      <c r="E35" s="14">
        <v>5175</v>
      </c>
      <c r="F35" s="14"/>
      <c r="G35" s="18" t="s">
        <v>68</v>
      </c>
      <c r="H35" s="17"/>
      <c r="I35" s="13">
        <v>7288</v>
      </c>
      <c r="J35" s="14">
        <v>3222</v>
      </c>
      <c r="K35" s="14">
        <v>4066</v>
      </c>
    </row>
    <row r="36" spans="1:11" ht="15" customHeight="1">
      <c r="A36" s="17" t="s">
        <v>69</v>
      </c>
      <c r="B36" s="17"/>
      <c r="C36" s="13">
        <v>2160</v>
      </c>
      <c r="D36" s="19">
        <v>1043</v>
      </c>
      <c r="E36" s="19">
        <v>1117</v>
      </c>
      <c r="F36" s="19"/>
      <c r="G36" s="18" t="s">
        <v>70</v>
      </c>
      <c r="H36" s="17"/>
      <c r="I36" s="13">
        <v>1413</v>
      </c>
      <c r="J36" s="19">
        <v>651</v>
      </c>
      <c r="K36" s="19">
        <v>762</v>
      </c>
    </row>
    <row r="37" spans="1:11" ht="15" customHeight="1">
      <c r="A37" s="17" t="s">
        <v>71</v>
      </c>
      <c r="B37" s="17"/>
      <c r="C37" s="13">
        <v>1994</v>
      </c>
      <c r="D37" s="19">
        <v>988</v>
      </c>
      <c r="E37" s="19">
        <v>1006</v>
      </c>
      <c r="F37" s="19"/>
      <c r="G37" s="18" t="s">
        <v>72</v>
      </c>
      <c r="H37" s="17"/>
      <c r="I37" s="13">
        <v>1262</v>
      </c>
      <c r="J37" s="19">
        <v>550</v>
      </c>
      <c r="K37" s="19">
        <v>712</v>
      </c>
    </row>
    <row r="38" spans="1:11" ht="15" customHeight="1">
      <c r="A38" s="17" t="s">
        <v>73</v>
      </c>
      <c r="B38" s="17"/>
      <c r="C38" s="13">
        <v>2114</v>
      </c>
      <c r="D38" s="19">
        <v>1012</v>
      </c>
      <c r="E38" s="19">
        <v>1102</v>
      </c>
      <c r="F38" s="19"/>
      <c r="G38" s="18" t="s">
        <v>74</v>
      </c>
      <c r="H38" s="17"/>
      <c r="I38" s="13">
        <v>1504</v>
      </c>
      <c r="J38" s="19">
        <v>658</v>
      </c>
      <c r="K38" s="19">
        <v>846</v>
      </c>
    </row>
    <row r="39" spans="1:11" ht="15" customHeight="1">
      <c r="A39" s="17" t="s">
        <v>75</v>
      </c>
      <c r="B39" s="17"/>
      <c r="C39" s="13">
        <v>1934</v>
      </c>
      <c r="D39" s="19">
        <v>963</v>
      </c>
      <c r="E39" s="19">
        <v>971</v>
      </c>
      <c r="F39" s="19"/>
      <c r="G39" s="18" t="s">
        <v>76</v>
      </c>
      <c r="H39" s="17"/>
      <c r="I39" s="13">
        <v>1551</v>
      </c>
      <c r="J39" s="19">
        <v>667</v>
      </c>
      <c r="K39" s="19">
        <v>884</v>
      </c>
    </row>
    <row r="40" spans="1:11" ht="15" customHeight="1">
      <c r="A40" s="17" t="s">
        <v>77</v>
      </c>
      <c r="B40" s="17"/>
      <c r="C40" s="13">
        <v>1975</v>
      </c>
      <c r="D40" s="19">
        <v>996</v>
      </c>
      <c r="E40" s="19">
        <v>979</v>
      </c>
      <c r="F40" s="19"/>
      <c r="G40" s="18" t="s">
        <v>78</v>
      </c>
      <c r="H40" s="17"/>
      <c r="I40" s="13">
        <v>1558</v>
      </c>
      <c r="J40" s="19">
        <v>696</v>
      </c>
      <c r="K40" s="19">
        <v>862</v>
      </c>
    </row>
    <row r="41" spans="1:11" ht="20.100000000000001" customHeight="1">
      <c r="A41" s="17" t="s">
        <v>79</v>
      </c>
      <c r="B41" s="17"/>
      <c r="C41" s="13">
        <v>10328</v>
      </c>
      <c r="D41" s="14">
        <v>5073</v>
      </c>
      <c r="E41" s="14">
        <v>5255</v>
      </c>
      <c r="F41" s="14"/>
      <c r="G41" s="18" t="s">
        <v>80</v>
      </c>
      <c r="H41" s="17"/>
      <c r="I41" s="13">
        <v>6245</v>
      </c>
      <c r="J41" s="14">
        <v>2620</v>
      </c>
      <c r="K41" s="14">
        <v>3625</v>
      </c>
    </row>
    <row r="42" spans="1:11" ht="15" customHeight="1">
      <c r="A42" s="17" t="s">
        <v>81</v>
      </c>
      <c r="B42" s="17"/>
      <c r="C42" s="13">
        <v>2090</v>
      </c>
      <c r="D42" s="19">
        <v>1007</v>
      </c>
      <c r="E42" s="19">
        <v>1083</v>
      </c>
      <c r="F42" s="19"/>
      <c r="G42" s="18" t="s">
        <v>82</v>
      </c>
      <c r="H42" s="17"/>
      <c r="I42" s="13">
        <v>1551</v>
      </c>
      <c r="J42" s="19">
        <v>679</v>
      </c>
      <c r="K42" s="19">
        <v>872</v>
      </c>
    </row>
    <row r="43" spans="1:11" ht="15" customHeight="1">
      <c r="A43" s="17" t="s">
        <v>83</v>
      </c>
      <c r="B43" s="17"/>
      <c r="C43" s="13">
        <v>2018</v>
      </c>
      <c r="D43" s="19">
        <v>988</v>
      </c>
      <c r="E43" s="19">
        <v>1030</v>
      </c>
      <c r="F43" s="19"/>
      <c r="G43" s="18" t="s">
        <v>84</v>
      </c>
      <c r="H43" s="17"/>
      <c r="I43" s="13">
        <v>1341</v>
      </c>
      <c r="J43" s="19">
        <v>586</v>
      </c>
      <c r="K43" s="19">
        <v>755</v>
      </c>
    </row>
    <row r="44" spans="1:11" ht="15" customHeight="1">
      <c r="A44" s="17" t="s">
        <v>85</v>
      </c>
      <c r="B44" s="17"/>
      <c r="C44" s="13">
        <v>2047</v>
      </c>
      <c r="D44" s="19">
        <v>1005</v>
      </c>
      <c r="E44" s="19">
        <v>1042</v>
      </c>
      <c r="F44" s="19"/>
      <c r="G44" s="18" t="s">
        <v>86</v>
      </c>
      <c r="H44" s="17"/>
      <c r="I44" s="13">
        <v>1129</v>
      </c>
      <c r="J44" s="19">
        <v>464</v>
      </c>
      <c r="K44" s="19">
        <v>665</v>
      </c>
    </row>
    <row r="45" spans="1:11" ht="15" customHeight="1">
      <c r="A45" s="17" t="s">
        <v>87</v>
      </c>
      <c r="B45" s="17"/>
      <c r="C45" s="13">
        <v>2114</v>
      </c>
      <c r="D45" s="19">
        <v>1063</v>
      </c>
      <c r="E45" s="19">
        <v>1051</v>
      </c>
      <c r="F45" s="19"/>
      <c r="G45" s="18" t="s">
        <v>88</v>
      </c>
      <c r="H45" s="17"/>
      <c r="I45" s="13">
        <v>1089</v>
      </c>
      <c r="J45" s="19">
        <v>430</v>
      </c>
      <c r="K45" s="19">
        <v>659</v>
      </c>
    </row>
    <row r="46" spans="1:11" ht="15" customHeight="1">
      <c r="A46" s="17" t="s">
        <v>89</v>
      </c>
      <c r="B46" s="17"/>
      <c r="C46" s="13">
        <v>2059</v>
      </c>
      <c r="D46" s="19">
        <v>1010</v>
      </c>
      <c r="E46" s="19">
        <v>1049</v>
      </c>
      <c r="F46" s="19"/>
      <c r="G46" s="18" t="s">
        <v>90</v>
      </c>
      <c r="H46" s="17"/>
      <c r="I46" s="13">
        <v>1135</v>
      </c>
      <c r="J46" s="19">
        <v>461</v>
      </c>
      <c r="K46" s="19">
        <v>674</v>
      </c>
    </row>
    <row r="47" spans="1:11" ht="20.100000000000001" customHeight="1">
      <c r="A47" s="17" t="s">
        <v>91</v>
      </c>
      <c r="B47" s="17"/>
      <c r="C47" s="13">
        <v>12653</v>
      </c>
      <c r="D47" s="14">
        <v>6202</v>
      </c>
      <c r="E47" s="14">
        <v>6451</v>
      </c>
      <c r="F47" s="14"/>
      <c r="G47" s="18" t="s">
        <v>92</v>
      </c>
      <c r="H47" s="17"/>
      <c r="I47" s="13">
        <v>4173</v>
      </c>
      <c r="J47" s="14">
        <v>1544</v>
      </c>
      <c r="K47" s="14">
        <v>2629</v>
      </c>
    </row>
    <row r="48" spans="1:11" ht="15" customHeight="1">
      <c r="A48" s="17" t="s">
        <v>93</v>
      </c>
      <c r="B48" s="17"/>
      <c r="C48" s="13">
        <v>2248</v>
      </c>
      <c r="D48" s="19">
        <v>1102</v>
      </c>
      <c r="E48" s="19">
        <v>1146</v>
      </c>
      <c r="F48" s="19"/>
      <c r="G48" s="18" t="s">
        <v>94</v>
      </c>
      <c r="H48" s="17"/>
      <c r="I48" s="13">
        <v>1045</v>
      </c>
      <c r="J48" s="19">
        <v>414</v>
      </c>
      <c r="K48" s="19">
        <v>631</v>
      </c>
    </row>
    <row r="49" spans="1:11" ht="15" customHeight="1">
      <c r="A49" s="17" t="s">
        <v>95</v>
      </c>
      <c r="B49" s="17"/>
      <c r="C49" s="13">
        <v>2375</v>
      </c>
      <c r="D49" s="19">
        <v>1181</v>
      </c>
      <c r="E49" s="19">
        <v>1194</v>
      </c>
      <c r="F49" s="19"/>
      <c r="G49" s="18" t="s">
        <v>96</v>
      </c>
      <c r="H49" s="17"/>
      <c r="I49" s="13">
        <v>970</v>
      </c>
      <c r="J49" s="19">
        <v>387</v>
      </c>
      <c r="K49" s="19">
        <v>583</v>
      </c>
    </row>
    <row r="50" spans="1:11" ht="15" customHeight="1">
      <c r="A50" s="17" t="s">
        <v>97</v>
      </c>
      <c r="B50" s="17"/>
      <c r="C50" s="13">
        <v>2551</v>
      </c>
      <c r="D50" s="19">
        <v>1269</v>
      </c>
      <c r="E50" s="19">
        <v>1282</v>
      </c>
      <c r="F50" s="19"/>
      <c r="G50" s="18" t="s">
        <v>98</v>
      </c>
      <c r="H50" s="17"/>
      <c r="I50" s="13">
        <v>770</v>
      </c>
      <c r="J50" s="19">
        <v>286</v>
      </c>
      <c r="K50" s="19">
        <v>484</v>
      </c>
    </row>
    <row r="51" spans="1:11" ht="15" customHeight="1">
      <c r="A51" s="17" t="s">
        <v>99</v>
      </c>
      <c r="B51" s="17"/>
      <c r="C51" s="13">
        <v>2732</v>
      </c>
      <c r="D51" s="19">
        <v>1354</v>
      </c>
      <c r="E51" s="19">
        <v>1378</v>
      </c>
      <c r="F51" s="19"/>
      <c r="G51" s="18" t="s">
        <v>100</v>
      </c>
      <c r="H51" s="17"/>
      <c r="I51" s="13">
        <v>760</v>
      </c>
      <c r="J51" s="19">
        <v>256</v>
      </c>
      <c r="K51" s="19">
        <v>504</v>
      </c>
    </row>
    <row r="52" spans="1:11" ht="15" customHeight="1">
      <c r="A52" s="17" t="s">
        <v>101</v>
      </c>
      <c r="B52" s="17"/>
      <c r="C52" s="13">
        <v>2747</v>
      </c>
      <c r="D52" s="19">
        <v>1296</v>
      </c>
      <c r="E52" s="19">
        <v>1451</v>
      </c>
      <c r="F52" s="19"/>
      <c r="G52" s="18" t="s">
        <v>102</v>
      </c>
      <c r="H52" s="17"/>
      <c r="I52" s="13">
        <v>628</v>
      </c>
      <c r="J52" s="19">
        <v>201</v>
      </c>
      <c r="K52" s="19">
        <v>427</v>
      </c>
    </row>
    <row r="53" spans="1:11" ht="20.100000000000001" customHeight="1">
      <c r="A53" s="17" t="s">
        <v>103</v>
      </c>
      <c r="B53" s="17"/>
      <c r="C53" s="13">
        <v>15288</v>
      </c>
      <c r="D53" s="14">
        <v>7477</v>
      </c>
      <c r="E53" s="14">
        <v>7811</v>
      </c>
      <c r="F53" s="14"/>
      <c r="G53" s="18" t="s">
        <v>104</v>
      </c>
      <c r="H53" s="17"/>
      <c r="I53" s="13">
        <v>2175</v>
      </c>
      <c r="J53" s="14">
        <v>604</v>
      </c>
      <c r="K53" s="14">
        <v>1571</v>
      </c>
    </row>
    <row r="54" spans="1:11" ht="15" customHeight="1">
      <c r="A54" s="17" t="s">
        <v>105</v>
      </c>
      <c r="B54" s="17"/>
      <c r="C54" s="13">
        <v>2803</v>
      </c>
      <c r="D54" s="19">
        <v>1400</v>
      </c>
      <c r="E54" s="19">
        <v>1403</v>
      </c>
      <c r="F54" s="19"/>
      <c r="G54" s="18" t="s">
        <v>106</v>
      </c>
      <c r="H54" s="17"/>
      <c r="I54" s="13">
        <v>631</v>
      </c>
      <c r="J54" s="19">
        <v>190</v>
      </c>
      <c r="K54" s="19">
        <v>441</v>
      </c>
    </row>
    <row r="55" spans="1:11" ht="15" customHeight="1">
      <c r="A55" s="17" t="s">
        <v>107</v>
      </c>
      <c r="B55" s="17"/>
      <c r="C55" s="13">
        <v>2934</v>
      </c>
      <c r="D55" s="19">
        <v>1426</v>
      </c>
      <c r="E55" s="19">
        <v>1508</v>
      </c>
      <c r="F55" s="19"/>
      <c r="G55" s="18" t="s">
        <v>108</v>
      </c>
      <c r="H55" s="17"/>
      <c r="I55" s="13">
        <v>490</v>
      </c>
      <c r="J55" s="19">
        <v>151</v>
      </c>
      <c r="K55" s="19">
        <v>339</v>
      </c>
    </row>
    <row r="56" spans="1:11" ht="15" customHeight="1">
      <c r="A56" s="17" t="s">
        <v>109</v>
      </c>
      <c r="B56" s="17"/>
      <c r="C56" s="13">
        <v>3015</v>
      </c>
      <c r="D56" s="19">
        <v>1448</v>
      </c>
      <c r="E56" s="19">
        <v>1567</v>
      </c>
      <c r="F56" s="19"/>
      <c r="G56" s="18" t="s">
        <v>110</v>
      </c>
      <c r="H56" s="17"/>
      <c r="I56" s="13">
        <v>418</v>
      </c>
      <c r="J56" s="19">
        <v>117</v>
      </c>
      <c r="K56" s="19">
        <v>301</v>
      </c>
    </row>
    <row r="57" spans="1:11" ht="15" customHeight="1">
      <c r="A57" s="17" t="s">
        <v>111</v>
      </c>
      <c r="B57" s="17"/>
      <c r="C57" s="13">
        <v>3216</v>
      </c>
      <c r="D57" s="19">
        <v>1586</v>
      </c>
      <c r="E57" s="19">
        <v>1630</v>
      </c>
      <c r="F57" s="19"/>
      <c r="G57" s="18" t="s">
        <v>112</v>
      </c>
      <c r="H57" s="17"/>
      <c r="I57" s="13">
        <v>344</v>
      </c>
      <c r="J57" s="19">
        <v>87</v>
      </c>
      <c r="K57" s="19">
        <v>257</v>
      </c>
    </row>
    <row r="58" spans="1:11" ht="15" customHeight="1">
      <c r="A58" s="17" t="s">
        <v>113</v>
      </c>
      <c r="B58" s="17"/>
      <c r="C58" s="13">
        <v>3320</v>
      </c>
      <c r="D58" s="19">
        <v>1617</v>
      </c>
      <c r="E58" s="19">
        <v>1703</v>
      </c>
      <c r="F58" s="19"/>
      <c r="G58" s="18" t="s">
        <v>114</v>
      </c>
      <c r="H58" s="17"/>
      <c r="I58" s="13">
        <v>292</v>
      </c>
      <c r="J58" s="19">
        <v>59</v>
      </c>
      <c r="K58" s="19">
        <v>233</v>
      </c>
    </row>
    <row r="59" spans="1:11" ht="20.100000000000001" customHeight="1">
      <c r="A59" s="17" t="s">
        <v>115</v>
      </c>
      <c r="B59" s="17"/>
      <c r="C59" s="13">
        <v>19140</v>
      </c>
      <c r="D59" s="14">
        <v>9299</v>
      </c>
      <c r="E59" s="14">
        <v>9841</v>
      </c>
      <c r="F59" s="14"/>
      <c r="G59" s="18" t="s">
        <v>116</v>
      </c>
      <c r="H59" s="17"/>
      <c r="I59" s="13">
        <v>642</v>
      </c>
      <c r="J59" s="14">
        <v>143</v>
      </c>
      <c r="K59" s="14">
        <v>499</v>
      </c>
    </row>
    <row r="60" spans="1:11" ht="15" customHeight="1">
      <c r="A60" s="17" t="s">
        <v>117</v>
      </c>
      <c r="B60" s="17"/>
      <c r="C60" s="13">
        <v>3370</v>
      </c>
      <c r="D60" s="19">
        <v>1665</v>
      </c>
      <c r="E60" s="19">
        <v>1705</v>
      </c>
      <c r="F60" s="19"/>
      <c r="G60" s="18" t="s">
        <v>118</v>
      </c>
      <c r="H60" s="17"/>
      <c r="I60" s="13">
        <v>220</v>
      </c>
      <c r="J60" s="19">
        <v>58</v>
      </c>
      <c r="K60" s="19">
        <v>162</v>
      </c>
    </row>
    <row r="61" spans="1:11" ht="15" customHeight="1">
      <c r="A61" s="17" t="s">
        <v>119</v>
      </c>
      <c r="B61" s="17"/>
      <c r="C61" s="13">
        <v>3580</v>
      </c>
      <c r="D61" s="19">
        <v>1735</v>
      </c>
      <c r="E61" s="19">
        <v>1845</v>
      </c>
      <c r="F61" s="19"/>
      <c r="G61" s="18" t="s">
        <v>120</v>
      </c>
      <c r="H61" s="17"/>
      <c r="I61" s="13">
        <v>171</v>
      </c>
      <c r="J61" s="19">
        <v>32</v>
      </c>
      <c r="K61" s="19">
        <v>139</v>
      </c>
    </row>
    <row r="62" spans="1:11" ht="15" customHeight="1">
      <c r="A62" s="17" t="s">
        <v>121</v>
      </c>
      <c r="B62" s="17"/>
      <c r="C62" s="13">
        <v>3892</v>
      </c>
      <c r="D62" s="19">
        <v>1934</v>
      </c>
      <c r="E62" s="19">
        <v>1958</v>
      </c>
      <c r="F62" s="19"/>
      <c r="G62" s="18" t="s">
        <v>122</v>
      </c>
      <c r="H62" s="17"/>
      <c r="I62" s="13">
        <v>120</v>
      </c>
      <c r="J62" s="19">
        <v>26</v>
      </c>
      <c r="K62" s="19">
        <v>94</v>
      </c>
    </row>
    <row r="63" spans="1:11" ht="15" customHeight="1">
      <c r="A63" s="17" t="s">
        <v>123</v>
      </c>
      <c r="B63" s="17"/>
      <c r="C63" s="13">
        <v>4083</v>
      </c>
      <c r="D63" s="19">
        <v>1975</v>
      </c>
      <c r="E63" s="19">
        <v>2108</v>
      </c>
      <c r="F63" s="19"/>
      <c r="G63" s="18" t="s">
        <v>124</v>
      </c>
      <c r="H63" s="17"/>
      <c r="I63" s="13">
        <v>76</v>
      </c>
      <c r="J63" s="19">
        <v>13</v>
      </c>
      <c r="K63" s="19">
        <v>63</v>
      </c>
    </row>
    <row r="64" spans="1:11" ht="15" customHeight="1">
      <c r="A64" s="17" t="s">
        <v>125</v>
      </c>
      <c r="B64" s="17"/>
      <c r="C64" s="13">
        <v>4215</v>
      </c>
      <c r="D64" s="19">
        <v>1990</v>
      </c>
      <c r="E64" s="19">
        <v>2225</v>
      </c>
      <c r="F64" s="19"/>
      <c r="G64" s="18" t="s">
        <v>126</v>
      </c>
      <c r="H64" s="17"/>
      <c r="I64" s="13">
        <v>55</v>
      </c>
      <c r="J64" s="19">
        <v>14</v>
      </c>
      <c r="K64" s="19">
        <v>41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30</v>
      </c>
      <c r="J65" s="19">
        <v>19</v>
      </c>
      <c r="K65" s="19">
        <v>111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3257</v>
      </c>
      <c r="J66" s="27">
        <v>1328</v>
      </c>
      <c r="K66" s="27">
        <v>1929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2</v>
      </c>
      <c r="B2" s="5"/>
      <c r="C2" s="7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538825</v>
      </c>
      <c r="D4" s="14">
        <v>774902</v>
      </c>
      <c r="E4" s="14">
        <v>76392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60875</v>
      </c>
      <c r="D5" s="14">
        <v>31216</v>
      </c>
      <c r="E5" s="14">
        <v>29659</v>
      </c>
      <c r="F5" s="14"/>
      <c r="G5" s="18" t="s">
        <v>8</v>
      </c>
      <c r="H5" s="17"/>
      <c r="I5" s="13">
        <v>124549</v>
      </c>
      <c r="J5" s="14">
        <v>64932</v>
      </c>
      <c r="K5" s="14">
        <v>59617</v>
      </c>
    </row>
    <row r="6" spans="1:11" ht="15" customHeight="1">
      <c r="A6" s="17" t="s">
        <v>9</v>
      </c>
      <c r="B6" s="17"/>
      <c r="C6" s="13">
        <v>12093</v>
      </c>
      <c r="D6" s="19">
        <v>6177</v>
      </c>
      <c r="E6" s="19">
        <v>5916</v>
      </c>
      <c r="F6" s="19"/>
      <c r="G6" s="18" t="s">
        <v>10</v>
      </c>
      <c r="H6" s="17"/>
      <c r="I6" s="13">
        <v>25637</v>
      </c>
      <c r="J6" s="19">
        <v>13078</v>
      </c>
      <c r="K6" s="19">
        <v>12559</v>
      </c>
    </row>
    <row r="7" spans="1:11" ht="15" customHeight="1">
      <c r="A7" s="17" t="s">
        <v>11</v>
      </c>
      <c r="B7" s="17"/>
      <c r="C7" s="13">
        <v>11794</v>
      </c>
      <c r="D7" s="19">
        <v>6022</v>
      </c>
      <c r="E7" s="19">
        <v>5772</v>
      </c>
      <c r="F7" s="19"/>
      <c r="G7" s="18" t="s">
        <v>12</v>
      </c>
      <c r="H7" s="17"/>
      <c r="I7" s="13">
        <v>25524</v>
      </c>
      <c r="J7" s="19">
        <v>13384</v>
      </c>
      <c r="K7" s="19">
        <v>12140</v>
      </c>
    </row>
    <row r="8" spans="1:11" ht="15" customHeight="1">
      <c r="A8" s="17" t="s">
        <v>13</v>
      </c>
      <c r="B8" s="17"/>
      <c r="C8" s="13">
        <v>12172</v>
      </c>
      <c r="D8" s="19">
        <v>6273</v>
      </c>
      <c r="E8" s="19">
        <v>5899</v>
      </c>
      <c r="F8" s="19"/>
      <c r="G8" s="18" t="s">
        <v>14</v>
      </c>
      <c r="H8" s="17"/>
      <c r="I8" s="13">
        <v>24732</v>
      </c>
      <c r="J8" s="19">
        <v>12842</v>
      </c>
      <c r="K8" s="19">
        <v>11890</v>
      </c>
    </row>
    <row r="9" spans="1:11" ht="15" customHeight="1">
      <c r="A9" s="17" t="s">
        <v>15</v>
      </c>
      <c r="B9" s="17"/>
      <c r="C9" s="13">
        <v>12269</v>
      </c>
      <c r="D9" s="19">
        <v>6273</v>
      </c>
      <c r="E9" s="19">
        <v>5996</v>
      </c>
      <c r="F9" s="19"/>
      <c r="G9" s="18" t="s">
        <v>16</v>
      </c>
      <c r="H9" s="17"/>
      <c r="I9" s="13">
        <v>24168</v>
      </c>
      <c r="J9" s="19">
        <v>12705</v>
      </c>
      <c r="K9" s="19">
        <v>11463</v>
      </c>
    </row>
    <row r="10" spans="1:11" ht="15" customHeight="1">
      <c r="A10" s="17" t="s">
        <v>17</v>
      </c>
      <c r="B10" s="17"/>
      <c r="C10" s="13">
        <v>12547</v>
      </c>
      <c r="D10" s="19">
        <v>6471</v>
      </c>
      <c r="E10" s="19">
        <v>6076</v>
      </c>
      <c r="F10" s="19"/>
      <c r="G10" s="18" t="s">
        <v>18</v>
      </c>
      <c r="H10" s="17"/>
      <c r="I10" s="13">
        <v>24488</v>
      </c>
      <c r="J10" s="19">
        <v>12923</v>
      </c>
      <c r="K10" s="19">
        <v>11565</v>
      </c>
    </row>
    <row r="11" spans="1:11" ht="20.100000000000001" customHeight="1">
      <c r="A11" s="17" t="s">
        <v>19</v>
      </c>
      <c r="B11" s="17"/>
      <c r="C11" s="13">
        <v>63249</v>
      </c>
      <c r="D11" s="14">
        <v>32439</v>
      </c>
      <c r="E11" s="14">
        <v>30810</v>
      </c>
      <c r="F11" s="14"/>
      <c r="G11" s="18" t="s">
        <v>20</v>
      </c>
      <c r="H11" s="17"/>
      <c r="I11" s="13">
        <v>96537</v>
      </c>
      <c r="J11" s="14">
        <v>51184</v>
      </c>
      <c r="K11" s="14">
        <v>45353</v>
      </c>
    </row>
    <row r="12" spans="1:11" ht="15" customHeight="1">
      <c r="A12" s="17" t="s">
        <v>21</v>
      </c>
      <c r="B12" s="17"/>
      <c r="C12" s="13">
        <v>12729</v>
      </c>
      <c r="D12" s="19">
        <v>6486</v>
      </c>
      <c r="E12" s="19">
        <v>6243</v>
      </c>
      <c r="F12" s="19"/>
      <c r="G12" s="18" t="s">
        <v>22</v>
      </c>
      <c r="H12" s="17"/>
      <c r="I12" s="13">
        <v>17482</v>
      </c>
      <c r="J12" s="19">
        <v>9245</v>
      </c>
      <c r="K12" s="19">
        <v>8237</v>
      </c>
    </row>
    <row r="13" spans="1:11" ht="15" customHeight="1">
      <c r="A13" s="17" t="s">
        <v>23</v>
      </c>
      <c r="B13" s="17"/>
      <c r="C13" s="13">
        <v>13007</v>
      </c>
      <c r="D13" s="19">
        <v>6641</v>
      </c>
      <c r="E13" s="19">
        <v>6366</v>
      </c>
      <c r="F13" s="19"/>
      <c r="G13" s="18" t="s">
        <v>24</v>
      </c>
      <c r="H13" s="17"/>
      <c r="I13" s="13">
        <v>22346</v>
      </c>
      <c r="J13" s="19">
        <v>11788</v>
      </c>
      <c r="K13" s="19">
        <v>10558</v>
      </c>
    </row>
    <row r="14" spans="1:11" ht="15" customHeight="1">
      <c r="A14" s="17" t="s">
        <v>25</v>
      </c>
      <c r="B14" s="17"/>
      <c r="C14" s="13">
        <v>12432</v>
      </c>
      <c r="D14" s="19">
        <v>6401</v>
      </c>
      <c r="E14" s="19">
        <v>6031</v>
      </c>
      <c r="F14" s="19"/>
      <c r="G14" s="18" t="s">
        <v>26</v>
      </c>
      <c r="H14" s="17"/>
      <c r="I14" s="13">
        <v>20146</v>
      </c>
      <c r="J14" s="19">
        <v>10722</v>
      </c>
      <c r="K14" s="19">
        <v>9424</v>
      </c>
    </row>
    <row r="15" spans="1:11" ht="15" customHeight="1">
      <c r="A15" s="17" t="s">
        <v>27</v>
      </c>
      <c r="B15" s="17"/>
      <c r="C15" s="13">
        <v>12532</v>
      </c>
      <c r="D15" s="19">
        <v>6438</v>
      </c>
      <c r="E15" s="19">
        <v>6094</v>
      </c>
      <c r="F15" s="19"/>
      <c r="G15" s="18" t="s">
        <v>28</v>
      </c>
      <c r="H15" s="17"/>
      <c r="I15" s="13">
        <v>18924</v>
      </c>
      <c r="J15" s="19">
        <v>10010</v>
      </c>
      <c r="K15" s="19">
        <v>8914</v>
      </c>
    </row>
    <row r="16" spans="1:11" ht="15" customHeight="1">
      <c r="A16" s="17" t="s">
        <v>29</v>
      </c>
      <c r="B16" s="17"/>
      <c r="C16" s="13">
        <v>12549</v>
      </c>
      <c r="D16" s="19">
        <v>6473</v>
      </c>
      <c r="E16" s="19">
        <v>6076</v>
      </c>
      <c r="F16" s="19"/>
      <c r="G16" s="18" t="s">
        <v>30</v>
      </c>
      <c r="H16" s="17"/>
      <c r="I16" s="13">
        <v>17639</v>
      </c>
      <c r="J16" s="19">
        <v>9419</v>
      </c>
      <c r="K16" s="19">
        <v>8220</v>
      </c>
    </row>
    <row r="17" spans="1:11" ht="20.100000000000001" customHeight="1">
      <c r="A17" s="20" t="s">
        <v>31</v>
      </c>
      <c r="B17" s="20"/>
      <c r="C17" s="13">
        <v>62162</v>
      </c>
      <c r="D17" s="14">
        <v>31886</v>
      </c>
      <c r="E17" s="14">
        <v>30276</v>
      </c>
      <c r="F17" s="14"/>
      <c r="G17" s="18" t="s">
        <v>32</v>
      </c>
      <c r="H17" s="17"/>
      <c r="I17" s="13">
        <v>74889</v>
      </c>
      <c r="J17" s="14">
        <v>38957</v>
      </c>
      <c r="K17" s="14">
        <v>35932</v>
      </c>
    </row>
    <row r="18" spans="1:11" ht="15" customHeight="1">
      <c r="A18" s="17" t="s">
        <v>33</v>
      </c>
      <c r="B18" s="17"/>
      <c r="C18" s="13">
        <v>12432</v>
      </c>
      <c r="D18" s="19">
        <v>6376</v>
      </c>
      <c r="E18" s="19">
        <v>6056</v>
      </c>
      <c r="F18" s="19"/>
      <c r="G18" s="18" t="s">
        <v>34</v>
      </c>
      <c r="H18" s="17"/>
      <c r="I18" s="13">
        <v>16443</v>
      </c>
      <c r="J18" s="19">
        <v>8568</v>
      </c>
      <c r="K18" s="19">
        <v>7875</v>
      </c>
    </row>
    <row r="19" spans="1:11" ht="15" customHeight="1">
      <c r="A19" s="17" t="s">
        <v>35</v>
      </c>
      <c r="B19" s="17"/>
      <c r="C19" s="13">
        <v>12509</v>
      </c>
      <c r="D19" s="19">
        <v>6448</v>
      </c>
      <c r="E19" s="19">
        <v>6061</v>
      </c>
      <c r="F19" s="19"/>
      <c r="G19" s="18" t="s">
        <v>36</v>
      </c>
      <c r="H19" s="17"/>
      <c r="I19" s="13">
        <v>15695</v>
      </c>
      <c r="J19" s="19">
        <v>8259</v>
      </c>
      <c r="K19" s="19">
        <v>7436</v>
      </c>
    </row>
    <row r="20" spans="1:11" ht="15" customHeight="1">
      <c r="A20" s="17" t="s">
        <v>37</v>
      </c>
      <c r="B20" s="17"/>
      <c r="C20" s="13">
        <v>12359</v>
      </c>
      <c r="D20" s="19">
        <v>6319</v>
      </c>
      <c r="E20" s="19">
        <v>6040</v>
      </c>
      <c r="F20" s="19"/>
      <c r="G20" s="18" t="s">
        <v>38</v>
      </c>
      <c r="H20" s="17"/>
      <c r="I20" s="13">
        <v>14964</v>
      </c>
      <c r="J20" s="19">
        <v>7815</v>
      </c>
      <c r="K20" s="19">
        <v>7149</v>
      </c>
    </row>
    <row r="21" spans="1:11" ht="15" customHeight="1">
      <c r="A21" s="17" t="s">
        <v>39</v>
      </c>
      <c r="B21" s="17"/>
      <c r="C21" s="13">
        <v>12467</v>
      </c>
      <c r="D21" s="19">
        <v>6378</v>
      </c>
      <c r="E21" s="19">
        <v>6089</v>
      </c>
      <c r="F21" s="19"/>
      <c r="G21" s="18" t="s">
        <v>40</v>
      </c>
      <c r="H21" s="17"/>
      <c r="I21" s="13">
        <v>14517</v>
      </c>
      <c r="J21" s="19">
        <v>7495</v>
      </c>
      <c r="K21" s="19">
        <v>7022</v>
      </c>
    </row>
    <row r="22" spans="1:11" ht="15" customHeight="1">
      <c r="A22" s="17" t="s">
        <v>41</v>
      </c>
      <c r="B22" s="17"/>
      <c r="C22" s="13">
        <v>12395</v>
      </c>
      <c r="D22" s="19">
        <v>6365</v>
      </c>
      <c r="E22" s="19">
        <v>6030</v>
      </c>
      <c r="F22" s="19"/>
      <c r="G22" s="18" t="s">
        <v>42</v>
      </c>
      <c r="H22" s="17"/>
      <c r="I22" s="13">
        <v>13270</v>
      </c>
      <c r="J22" s="19">
        <v>6820</v>
      </c>
      <c r="K22" s="19">
        <v>6450</v>
      </c>
    </row>
    <row r="23" spans="1:11" ht="20.100000000000001" customHeight="1">
      <c r="A23" s="17" t="s">
        <v>43</v>
      </c>
      <c r="B23" s="17"/>
      <c r="C23" s="13">
        <v>61512</v>
      </c>
      <c r="D23" s="14">
        <v>31521</v>
      </c>
      <c r="E23" s="14">
        <v>29991</v>
      </c>
      <c r="F23" s="14"/>
      <c r="G23" s="18" t="s">
        <v>44</v>
      </c>
      <c r="H23" s="17"/>
      <c r="I23" s="13">
        <v>67072</v>
      </c>
      <c r="J23" s="14">
        <v>33763</v>
      </c>
      <c r="K23" s="14">
        <v>33309</v>
      </c>
    </row>
    <row r="24" spans="1:11" ht="15" customHeight="1">
      <c r="A24" s="17" t="s">
        <v>45</v>
      </c>
      <c r="B24" s="17"/>
      <c r="C24" s="13">
        <v>12289</v>
      </c>
      <c r="D24" s="19">
        <v>6327</v>
      </c>
      <c r="E24" s="19">
        <v>5962</v>
      </c>
      <c r="F24" s="19"/>
      <c r="G24" s="18" t="s">
        <v>46</v>
      </c>
      <c r="H24" s="17"/>
      <c r="I24" s="13">
        <v>13340</v>
      </c>
      <c r="J24" s="19">
        <v>6895</v>
      </c>
      <c r="K24" s="19">
        <v>6445</v>
      </c>
    </row>
    <row r="25" spans="1:11" ht="15" customHeight="1">
      <c r="A25" s="17" t="s">
        <v>47</v>
      </c>
      <c r="B25" s="17"/>
      <c r="C25" s="13">
        <v>11687</v>
      </c>
      <c r="D25" s="19">
        <v>5990</v>
      </c>
      <c r="E25" s="19">
        <v>5697</v>
      </c>
      <c r="F25" s="19"/>
      <c r="G25" s="18" t="s">
        <v>48</v>
      </c>
      <c r="H25" s="17"/>
      <c r="I25" s="13">
        <v>13207</v>
      </c>
      <c r="J25" s="19">
        <v>6629</v>
      </c>
      <c r="K25" s="19">
        <v>6578</v>
      </c>
    </row>
    <row r="26" spans="1:11" ht="15" customHeight="1">
      <c r="A26" s="17" t="s">
        <v>49</v>
      </c>
      <c r="B26" s="17"/>
      <c r="C26" s="13">
        <v>12004</v>
      </c>
      <c r="D26" s="19">
        <v>6171</v>
      </c>
      <c r="E26" s="19">
        <v>5833</v>
      </c>
      <c r="F26" s="19"/>
      <c r="G26" s="18" t="s">
        <v>50</v>
      </c>
      <c r="H26" s="17"/>
      <c r="I26" s="13">
        <v>12933</v>
      </c>
      <c r="J26" s="19">
        <v>6531</v>
      </c>
      <c r="K26" s="19">
        <v>6402</v>
      </c>
    </row>
    <row r="27" spans="1:11" ht="15" customHeight="1">
      <c r="A27" s="17" t="s">
        <v>51</v>
      </c>
      <c r="B27" s="17"/>
      <c r="C27" s="13">
        <v>11948</v>
      </c>
      <c r="D27" s="19">
        <v>6100</v>
      </c>
      <c r="E27" s="19">
        <v>5848</v>
      </c>
      <c r="F27" s="19"/>
      <c r="G27" s="18" t="s">
        <v>52</v>
      </c>
      <c r="H27" s="17"/>
      <c r="I27" s="13">
        <v>13343</v>
      </c>
      <c r="J27" s="19">
        <v>6634</v>
      </c>
      <c r="K27" s="19">
        <v>6709</v>
      </c>
    </row>
    <row r="28" spans="1:11" ht="15" customHeight="1">
      <c r="A28" s="17" t="s">
        <v>53</v>
      </c>
      <c r="B28" s="17"/>
      <c r="C28" s="13">
        <v>13584</v>
      </c>
      <c r="D28" s="19">
        <v>6933</v>
      </c>
      <c r="E28" s="19">
        <v>6651</v>
      </c>
      <c r="F28" s="19"/>
      <c r="G28" s="18" t="s">
        <v>54</v>
      </c>
      <c r="H28" s="17"/>
      <c r="I28" s="13">
        <v>14249</v>
      </c>
      <c r="J28" s="19">
        <v>7074</v>
      </c>
      <c r="K28" s="19">
        <v>7175</v>
      </c>
    </row>
    <row r="29" spans="1:11" ht="20.100000000000001" customHeight="1">
      <c r="A29" s="17" t="s">
        <v>55</v>
      </c>
      <c r="B29" s="17"/>
      <c r="C29" s="13">
        <v>91038</v>
      </c>
      <c r="D29" s="14">
        <v>45875</v>
      </c>
      <c r="E29" s="14">
        <v>45163</v>
      </c>
      <c r="F29" s="14"/>
      <c r="G29" s="18" t="s">
        <v>56</v>
      </c>
      <c r="H29" s="17"/>
      <c r="I29" s="13">
        <v>80226</v>
      </c>
      <c r="J29" s="14">
        <v>38666</v>
      </c>
      <c r="K29" s="14">
        <v>41560</v>
      </c>
    </row>
    <row r="30" spans="1:11" ht="15" customHeight="1">
      <c r="A30" s="17" t="s">
        <v>57</v>
      </c>
      <c r="B30" s="17"/>
      <c r="C30" s="13">
        <v>15320</v>
      </c>
      <c r="D30" s="19">
        <v>7775</v>
      </c>
      <c r="E30" s="19">
        <v>7545</v>
      </c>
      <c r="F30" s="19"/>
      <c r="G30" s="18" t="s">
        <v>58</v>
      </c>
      <c r="H30" s="17"/>
      <c r="I30" s="13">
        <v>14385</v>
      </c>
      <c r="J30" s="19">
        <v>7063</v>
      </c>
      <c r="K30" s="19">
        <v>7322</v>
      </c>
    </row>
    <row r="31" spans="1:11" ht="15" customHeight="1">
      <c r="A31" s="17" t="s">
        <v>59</v>
      </c>
      <c r="B31" s="17"/>
      <c r="C31" s="13">
        <v>16753</v>
      </c>
      <c r="D31" s="19">
        <v>8456</v>
      </c>
      <c r="E31" s="19">
        <v>8297</v>
      </c>
      <c r="F31" s="19"/>
      <c r="G31" s="18" t="s">
        <v>60</v>
      </c>
      <c r="H31" s="17"/>
      <c r="I31" s="13">
        <v>15466</v>
      </c>
      <c r="J31" s="19">
        <v>7619</v>
      </c>
      <c r="K31" s="19">
        <v>7847</v>
      </c>
    </row>
    <row r="32" spans="1:11" ht="15" customHeight="1">
      <c r="A32" s="17" t="s">
        <v>61</v>
      </c>
      <c r="B32" s="17"/>
      <c r="C32" s="13">
        <v>17671</v>
      </c>
      <c r="D32" s="19">
        <v>8765</v>
      </c>
      <c r="E32" s="19">
        <v>8906</v>
      </c>
      <c r="F32" s="19"/>
      <c r="G32" s="18" t="s">
        <v>62</v>
      </c>
      <c r="H32" s="17"/>
      <c r="I32" s="13">
        <v>17315</v>
      </c>
      <c r="J32" s="19">
        <v>8268</v>
      </c>
      <c r="K32" s="19">
        <v>9047</v>
      </c>
    </row>
    <row r="33" spans="1:11" ht="15" customHeight="1">
      <c r="A33" s="17" t="s">
        <v>63</v>
      </c>
      <c r="B33" s="17"/>
      <c r="C33" s="13">
        <v>20550</v>
      </c>
      <c r="D33" s="19">
        <v>10344</v>
      </c>
      <c r="E33" s="19">
        <v>10206</v>
      </c>
      <c r="F33" s="19"/>
      <c r="G33" s="18" t="s">
        <v>64</v>
      </c>
      <c r="H33" s="17"/>
      <c r="I33" s="13">
        <v>16817</v>
      </c>
      <c r="J33" s="19">
        <v>8037</v>
      </c>
      <c r="K33" s="19">
        <v>8780</v>
      </c>
    </row>
    <row r="34" spans="1:11" ht="15" customHeight="1">
      <c r="A34" s="17" t="s">
        <v>65</v>
      </c>
      <c r="B34" s="17"/>
      <c r="C34" s="13">
        <v>20744</v>
      </c>
      <c r="D34" s="19">
        <v>10535</v>
      </c>
      <c r="E34" s="19">
        <v>10209</v>
      </c>
      <c r="F34" s="19"/>
      <c r="G34" s="18" t="s">
        <v>66</v>
      </c>
      <c r="H34" s="17"/>
      <c r="I34" s="13">
        <v>16243</v>
      </c>
      <c r="J34" s="19">
        <v>7679</v>
      </c>
      <c r="K34" s="19">
        <v>8564</v>
      </c>
    </row>
    <row r="35" spans="1:11" ht="20.100000000000001" customHeight="1">
      <c r="A35" s="17" t="s">
        <v>67</v>
      </c>
      <c r="B35" s="17"/>
      <c r="C35" s="13">
        <v>105904</v>
      </c>
      <c r="D35" s="14">
        <v>54687</v>
      </c>
      <c r="E35" s="14">
        <v>51217</v>
      </c>
      <c r="F35" s="14"/>
      <c r="G35" s="18" t="s">
        <v>68</v>
      </c>
      <c r="H35" s="17"/>
      <c r="I35" s="13">
        <v>57651</v>
      </c>
      <c r="J35" s="14">
        <v>26253</v>
      </c>
      <c r="K35" s="14">
        <v>31398</v>
      </c>
    </row>
    <row r="36" spans="1:11" ht="15" customHeight="1">
      <c r="A36" s="17" t="s">
        <v>69</v>
      </c>
      <c r="B36" s="17"/>
      <c r="C36" s="13">
        <v>21589</v>
      </c>
      <c r="D36" s="19">
        <v>11109</v>
      </c>
      <c r="E36" s="19">
        <v>10480</v>
      </c>
      <c r="F36" s="19"/>
      <c r="G36" s="18" t="s">
        <v>70</v>
      </c>
      <c r="H36" s="17"/>
      <c r="I36" s="13">
        <v>11243</v>
      </c>
      <c r="J36" s="19">
        <v>5303</v>
      </c>
      <c r="K36" s="19">
        <v>5940</v>
      </c>
    </row>
    <row r="37" spans="1:11" ht="15" customHeight="1">
      <c r="A37" s="17" t="s">
        <v>71</v>
      </c>
      <c r="B37" s="17"/>
      <c r="C37" s="13">
        <v>21254</v>
      </c>
      <c r="D37" s="19">
        <v>11090</v>
      </c>
      <c r="E37" s="19">
        <v>10164</v>
      </c>
      <c r="F37" s="19"/>
      <c r="G37" s="18" t="s">
        <v>72</v>
      </c>
      <c r="H37" s="17"/>
      <c r="I37" s="13">
        <v>10037</v>
      </c>
      <c r="J37" s="19">
        <v>4640</v>
      </c>
      <c r="K37" s="19">
        <v>5397</v>
      </c>
    </row>
    <row r="38" spans="1:11" ht="15" customHeight="1">
      <c r="A38" s="17" t="s">
        <v>73</v>
      </c>
      <c r="B38" s="17"/>
      <c r="C38" s="13">
        <v>21685</v>
      </c>
      <c r="D38" s="19">
        <v>11112</v>
      </c>
      <c r="E38" s="19">
        <v>10573</v>
      </c>
      <c r="F38" s="19"/>
      <c r="G38" s="18" t="s">
        <v>74</v>
      </c>
      <c r="H38" s="17"/>
      <c r="I38" s="13">
        <v>12134</v>
      </c>
      <c r="J38" s="19">
        <v>5491</v>
      </c>
      <c r="K38" s="19">
        <v>6643</v>
      </c>
    </row>
    <row r="39" spans="1:11" ht="15" customHeight="1">
      <c r="A39" s="17" t="s">
        <v>75</v>
      </c>
      <c r="B39" s="17"/>
      <c r="C39" s="13">
        <v>20702</v>
      </c>
      <c r="D39" s="19">
        <v>10746</v>
      </c>
      <c r="E39" s="19">
        <v>9956</v>
      </c>
      <c r="F39" s="19"/>
      <c r="G39" s="18" t="s">
        <v>76</v>
      </c>
      <c r="H39" s="17"/>
      <c r="I39" s="13">
        <v>12576</v>
      </c>
      <c r="J39" s="19">
        <v>5668</v>
      </c>
      <c r="K39" s="19">
        <v>6908</v>
      </c>
    </row>
    <row r="40" spans="1:11" ht="15" customHeight="1">
      <c r="A40" s="17" t="s">
        <v>77</v>
      </c>
      <c r="B40" s="17"/>
      <c r="C40" s="13">
        <v>20674</v>
      </c>
      <c r="D40" s="19">
        <v>10630</v>
      </c>
      <c r="E40" s="19">
        <v>10044</v>
      </c>
      <c r="F40" s="19"/>
      <c r="G40" s="18" t="s">
        <v>78</v>
      </c>
      <c r="H40" s="17"/>
      <c r="I40" s="13">
        <v>11661</v>
      </c>
      <c r="J40" s="19">
        <v>5151</v>
      </c>
      <c r="K40" s="19">
        <v>6510</v>
      </c>
    </row>
    <row r="41" spans="1:11" ht="20.100000000000001" customHeight="1">
      <c r="A41" s="17" t="s">
        <v>79</v>
      </c>
      <c r="B41" s="17"/>
      <c r="C41" s="13">
        <v>101516</v>
      </c>
      <c r="D41" s="14">
        <v>52456</v>
      </c>
      <c r="E41" s="14">
        <v>49060</v>
      </c>
      <c r="F41" s="14"/>
      <c r="G41" s="18" t="s">
        <v>80</v>
      </c>
      <c r="H41" s="17"/>
      <c r="I41" s="13">
        <v>47043</v>
      </c>
      <c r="J41" s="14">
        <v>19613</v>
      </c>
      <c r="K41" s="14">
        <v>27430</v>
      </c>
    </row>
    <row r="42" spans="1:11" ht="15" customHeight="1">
      <c r="A42" s="17" t="s">
        <v>81</v>
      </c>
      <c r="B42" s="17"/>
      <c r="C42" s="13">
        <v>20423</v>
      </c>
      <c r="D42" s="19">
        <v>10611</v>
      </c>
      <c r="E42" s="19">
        <v>9812</v>
      </c>
      <c r="F42" s="19"/>
      <c r="G42" s="18" t="s">
        <v>82</v>
      </c>
      <c r="H42" s="17"/>
      <c r="I42" s="13">
        <v>11645</v>
      </c>
      <c r="J42" s="19">
        <v>5099</v>
      </c>
      <c r="K42" s="19">
        <v>6546</v>
      </c>
    </row>
    <row r="43" spans="1:11" ht="15" customHeight="1">
      <c r="A43" s="17" t="s">
        <v>83</v>
      </c>
      <c r="B43" s="17"/>
      <c r="C43" s="13">
        <v>20180</v>
      </c>
      <c r="D43" s="19">
        <v>10388</v>
      </c>
      <c r="E43" s="19">
        <v>9792</v>
      </c>
      <c r="F43" s="19"/>
      <c r="G43" s="18" t="s">
        <v>84</v>
      </c>
      <c r="H43" s="17"/>
      <c r="I43" s="13">
        <v>10092</v>
      </c>
      <c r="J43" s="19">
        <v>4297</v>
      </c>
      <c r="K43" s="19">
        <v>5795</v>
      </c>
    </row>
    <row r="44" spans="1:11" ht="15" customHeight="1">
      <c r="A44" s="17" t="s">
        <v>85</v>
      </c>
      <c r="B44" s="17"/>
      <c r="C44" s="13">
        <v>20006</v>
      </c>
      <c r="D44" s="19">
        <v>10340</v>
      </c>
      <c r="E44" s="19">
        <v>9666</v>
      </c>
      <c r="F44" s="19"/>
      <c r="G44" s="18" t="s">
        <v>86</v>
      </c>
      <c r="H44" s="17"/>
      <c r="I44" s="13">
        <v>8614</v>
      </c>
      <c r="J44" s="19">
        <v>3584</v>
      </c>
      <c r="K44" s="19">
        <v>5030</v>
      </c>
    </row>
    <row r="45" spans="1:11" ht="15" customHeight="1">
      <c r="A45" s="17" t="s">
        <v>87</v>
      </c>
      <c r="B45" s="17"/>
      <c r="C45" s="13">
        <v>20461</v>
      </c>
      <c r="D45" s="19">
        <v>10569</v>
      </c>
      <c r="E45" s="19">
        <v>9892</v>
      </c>
      <c r="F45" s="19"/>
      <c r="G45" s="18" t="s">
        <v>88</v>
      </c>
      <c r="H45" s="17"/>
      <c r="I45" s="13">
        <v>8153</v>
      </c>
      <c r="J45" s="19">
        <v>3295</v>
      </c>
      <c r="K45" s="19">
        <v>4858</v>
      </c>
    </row>
    <row r="46" spans="1:11" ht="15" customHeight="1">
      <c r="A46" s="17" t="s">
        <v>89</v>
      </c>
      <c r="B46" s="17"/>
      <c r="C46" s="13">
        <v>20446</v>
      </c>
      <c r="D46" s="19">
        <v>10548</v>
      </c>
      <c r="E46" s="19">
        <v>9898</v>
      </c>
      <c r="F46" s="19"/>
      <c r="G46" s="18" t="s">
        <v>90</v>
      </c>
      <c r="H46" s="17"/>
      <c r="I46" s="13">
        <v>8539</v>
      </c>
      <c r="J46" s="19">
        <v>3338</v>
      </c>
      <c r="K46" s="19">
        <v>5201</v>
      </c>
    </row>
    <row r="47" spans="1:11" ht="20.100000000000001" customHeight="1">
      <c r="A47" s="17" t="s">
        <v>91</v>
      </c>
      <c r="B47" s="17"/>
      <c r="C47" s="13">
        <v>107326</v>
      </c>
      <c r="D47" s="14">
        <v>56267</v>
      </c>
      <c r="E47" s="14">
        <v>51059</v>
      </c>
      <c r="F47" s="14"/>
      <c r="G47" s="18" t="s">
        <v>92</v>
      </c>
      <c r="H47" s="17"/>
      <c r="I47" s="13">
        <v>31767</v>
      </c>
      <c r="J47" s="14">
        <v>11462</v>
      </c>
      <c r="K47" s="14">
        <v>20305</v>
      </c>
    </row>
    <row r="48" spans="1:11" ht="15" customHeight="1">
      <c r="A48" s="17" t="s">
        <v>93</v>
      </c>
      <c r="B48" s="17"/>
      <c r="C48" s="13">
        <v>20708</v>
      </c>
      <c r="D48" s="19">
        <v>10820</v>
      </c>
      <c r="E48" s="19">
        <v>9888</v>
      </c>
      <c r="F48" s="19"/>
      <c r="G48" s="18" t="s">
        <v>94</v>
      </c>
      <c r="H48" s="17"/>
      <c r="I48" s="13">
        <v>7637</v>
      </c>
      <c r="J48" s="19">
        <v>3012</v>
      </c>
      <c r="K48" s="19">
        <v>4625</v>
      </c>
    </row>
    <row r="49" spans="1:11" ht="15" customHeight="1">
      <c r="A49" s="17" t="s">
        <v>95</v>
      </c>
      <c r="B49" s="17"/>
      <c r="C49" s="13">
        <v>21204</v>
      </c>
      <c r="D49" s="19">
        <v>11156</v>
      </c>
      <c r="E49" s="19">
        <v>10048</v>
      </c>
      <c r="F49" s="19"/>
      <c r="G49" s="18" t="s">
        <v>96</v>
      </c>
      <c r="H49" s="17"/>
      <c r="I49" s="13">
        <v>7292</v>
      </c>
      <c r="J49" s="19">
        <v>2671</v>
      </c>
      <c r="K49" s="19">
        <v>4621</v>
      </c>
    </row>
    <row r="50" spans="1:11" ht="15" customHeight="1">
      <c r="A50" s="17" t="s">
        <v>97</v>
      </c>
      <c r="B50" s="17"/>
      <c r="C50" s="13">
        <v>21945</v>
      </c>
      <c r="D50" s="19">
        <v>11467</v>
      </c>
      <c r="E50" s="19">
        <v>10478</v>
      </c>
      <c r="F50" s="19"/>
      <c r="G50" s="18" t="s">
        <v>98</v>
      </c>
      <c r="H50" s="17"/>
      <c r="I50" s="13">
        <v>5995</v>
      </c>
      <c r="J50" s="19">
        <v>2086</v>
      </c>
      <c r="K50" s="19">
        <v>3909</v>
      </c>
    </row>
    <row r="51" spans="1:11" ht="15" customHeight="1">
      <c r="A51" s="17" t="s">
        <v>99</v>
      </c>
      <c r="B51" s="17"/>
      <c r="C51" s="13">
        <v>22092</v>
      </c>
      <c r="D51" s="19">
        <v>11539</v>
      </c>
      <c r="E51" s="19">
        <v>10553</v>
      </c>
      <c r="F51" s="19"/>
      <c r="G51" s="18" t="s">
        <v>100</v>
      </c>
      <c r="H51" s="17"/>
      <c r="I51" s="13">
        <v>5677</v>
      </c>
      <c r="J51" s="19">
        <v>2022</v>
      </c>
      <c r="K51" s="19">
        <v>3655</v>
      </c>
    </row>
    <row r="52" spans="1:11" ht="15" customHeight="1">
      <c r="A52" s="17" t="s">
        <v>101</v>
      </c>
      <c r="B52" s="17"/>
      <c r="C52" s="13">
        <v>21377</v>
      </c>
      <c r="D52" s="19">
        <v>11285</v>
      </c>
      <c r="E52" s="19">
        <v>10092</v>
      </c>
      <c r="F52" s="19"/>
      <c r="G52" s="18" t="s">
        <v>102</v>
      </c>
      <c r="H52" s="17"/>
      <c r="I52" s="13">
        <v>5166</v>
      </c>
      <c r="J52" s="19">
        <v>1671</v>
      </c>
      <c r="K52" s="19">
        <v>3495</v>
      </c>
    </row>
    <row r="53" spans="1:11" ht="20.100000000000001" customHeight="1">
      <c r="A53" s="17" t="s">
        <v>103</v>
      </c>
      <c r="B53" s="17"/>
      <c r="C53" s="13">
        <v>112132</v>
      </c>
      <c r="D53" s="14">
        <v>58031</v>
      </c>
      <c r="E53" s="14">
        <v>54101</v>
      </c>
      <c r="F53" s="14"/>
      <c r="G53" s="18" t="s">
        <v>104</v>
      </c>
      <c r="H53" s="17"/>
      <c r="I53" s="13">
        <v>15230</v>
      </c>
      <c r="J53" s="14">
        <v>4315</v>
      </c>
      <c r="K53" s="14">
        <v>10915</v>
      </c>
    </row>
    <row r="54" spans="1:11" ht="15" customHeight="1">
      <c r="A54" s="17" t="s">
        <v>105</v>
      </c>
      <c r="B54" s="17"/>
      <c r="C54" s="13">
        <v>21493</v>
      </c>
      <c r="D54" s="19">
        <v>11164</v>
      </c>
      <c r="E54" s="19">
        <v>10329</v>
      </c>
      <c r="F54" s="19"/>
      <c r="G54" s="18" t="s">
        <v>106</v>
      </c>
      <c r="H54" s="17"/>
      <c r="I54" s="13">
        <v>4278</v>
      </c>
      <c r="J54" s="19">
        <v>1321</v>
      </c>
      <c r="K54" s="19">
        <v>2957</v>
      </c>
    </row>
    <row r="55" spans="1:11" ht="15" customHeight="1">
      <c r="A55" s="17" t="s">
        <v>107</v>
      </c>
      <c r="B55" s="17"/>
      <c r="C55" s="13">
        <v>21646</v>
      </c>
      <c r="D55" s="19">
        <v>11218</v>
      </c>
      <c r="E55" s="19">
        <v>10428</v>
      </c>
      <c r="F55" s="19"/>
      <c r="G55" s="18" t="s">
        <v>108</v>
      </c>
      <c r="H55" s="17"/>
      <c r="I55" s="13">
        <v>3538</v>
      </c>
      <c r="J55" s="19">
        <v>1032</v>
      </c>
      <c r="K55" s="19">
        <v>2506</v>
      </c>
    </row>
    <row r="56" spans="1:11" ht="15" customHeight="1">
      <c r="A56" s="17" t="s">
        <v>109</v>
      </c>
      <c r="B56" s="17"/>
      <c r="C56" s="13">
        <v>22431</v>
      </c>
      <c r="D56" s="19">
        <v>11671</v>
      </c>
      <c r="E56" s="19">
        <v>10760</v>
      </c>
      <c r="F56" s="19"/>
      <c r="G56" s="18" t="s">
        <v>110</v>
      </c>
      <c r="H56" s="17"/>
      <c r="I56" s="13">
        <v>2984</v>
      </c>
      <c r="J56" s="19">
        <v>858</v>
      </c>
      <c r="K56" s="19">
        <v>2126</v>
      </c>
    </row>
    <row r="57" spans="1:11" ht="15" customHeight="1">
      <c r="A57" s="17" t="s">
        <v>111</v>
      </c>
      <c r="B57" s="17"/>
      <c r="C57" s="13">
        <v>23308</v>
      </c>
      <c r="D57" s="19">
        <v>12040</v>
      </c>
      <c r="E57" s="19">
        <v>11268</v>
      </c>
      <c r="F57" s="19"/>
      <c r="G57" s="18" t="s">
        <v>112</v>
      </c>
      <c r="H57" s="17"/>
      <c r="I57" s="13">
        <v>2568</v>
      </c>
      <c r="J57" s="19">
        <v>632</v>
      </c>
      <c r="K57" s="19">
        <v>1936</v>
      </c>
    </row>
    <row r="58" spans="1:11" ht="15" customHeight="1">
      <c r="A58" s="17" t="s">
        <v>113</v>
      </c>
      <c r="B58" s="17"/>
      <c r="C58" s="13">
        <v>23254</v>
      </c>
      <c r="D58" s="19">
        <v>11938</v>
      </c>
      <c r="E58" s="19">
        <v>11316</v>
      </c>
      <c r="F58" s="19"/>
      <c r="G58" s="18" t="s">
        <v>114</v>
      </c>
      <c r="H58" s="17"/>
      <c r="I58" s="13">
        <v>1862</v>
      </c>
      <c r="J58" s="19">
        <v>472</v>
      </c>
      <c r="K58" s="19">
        <v>1390</v>
      </c>
    </row>
    <row r="59" spans="1:11" ht="20.100000000000001" customHeight="1">
      <c r="A59" s="17" t="s">
        <v>115</v>
      </c>
      <c r="B59" s="17"/>
      <c r="C59" s="13">
        <v>127087</v>
      </c>
      <c r="D59" s="14">
        <v>65969</v>
      </c>
      <c r="E59" s="14">
        <v>61118</v>
      </c>
      <c r="F59" s="14"/>
      <c r="G59" s="18" t="s">
        <v>116</v>
      </c>
      <c r="H59" s="17"/>
      <c r="I59" s="13">
        <v>4022</v>
      </c>
      <c r="J59" s="14">
        <v>904</v>
      </c>
      <c r="K59" s="14">
        <v>3118</v>
      </c>
    </row>
    <row r="60" spans="1:11" ht="15" customHeight="1">
      <c r="A60" s="17" t="s">
        <v>117</v>
      </c>
      <c r="B60" s="17"/>
      <c r="C60" s="13">
        <v>24106</v>
      </c>
      <c r="D60" s="19">
        <v>12498</v>
      </c>
      <c r="E60" s="19">
        <v>11608</v>
      </c>
      <c r="F60" s="19"/>
      <c r="G60" s="18" t="s">
        <v>118</v>
      </c>
      <c r="H60" s="17"/>
      <c r="I60" s="13">
        <v>1376</v>
      </c>
      <c r="J60" s="19">
        <v>377</v>
      </c>
      <c r="K60" s="19">
        <v>999</v>
      </c>
    </row>
    <row r="61" spans="1:11" ht="15" customHeight="1">
      <c r="A61" s="17" t="s">
        <v>119</v>
      </c>
      <c r="B61" s="17"/>
      <c r="C61" s="13">
        <v>24371</v>
      </c>
      <c r="D61" s="19">
        <v>12734</v>
      </c>
      <c r="E61" s="19">
        <v>11637</v>
      </c>
      <c r="F61" s="19"/>
      <c r="G61" s="18" t="s">
        <v>120</v>
      </c>
      <c r="H61" s="17"/>
      <c r="I61" s="13">
        <v>1029</v>
      </c>
      <c r="J61" s="19">
        <v>242</v>
      </c>
      <c r="K61" s="19">
        <v>787</v>
      </c>
    </row>
    <row r="62" spans="1:11" ht="15" customHeight="1">
      <c r="A62" s="17" t="s">
        <v>121</v>
      </c>
      <c r="B62" s="17"/>
      <c r="C62" s="13">
        <v>25972</v>
      </c>
      <c r="D62" s="19">
        <v>13552</v>
      </c>
      <c r="E62" s="19">
        <v>12420</v>
      </c>
      <c r="F62" s="19"/>
      <c r="G62" s="18" t="s">
        <v>122</v>
      </c>
      <c r="H62" s="17"/>
      <c r="I62" s="13">
        <v>719</v>
      </c>
      <c r="J62" s="19">
        <v>136</v>
      </c>
      <c r="K62" s="19">
        <v>583</v>
      </c>
    </row>
    <row r="63" spans="1:11" ht="15" customHeight="1">
      <c r="A63" s="17" t="s">
        <v>123</v>
      </c>
      <c r="B63" s="17"/>
      <c r="C63" s="13">
        <v>26507</v>
      </c>
      <c r="D63" s="19">
        <v>13895</v>
      </c>
      <c r="E63" s="19">
        <v>12612</v>
      </c>
      <c r="F63" s="19"/>
      <c r="G63" s="18" t="s">
        <v>124</v>
      </c>
      <c r="H63" s="17"/>
      <c r="I63" s="13">
        <v>513</v>
      </c>
      <c r="J63" s="19">
        <v>90</v>
      </c>
      <c r="K63" s="19">
        <v>423</v>
      </c>
    </row>
    <row r="64" spans="1:11" ht="15" customHeight="1">
      <c r="A64" s="17" t="s">
        <v>125</v>
      </c>
      <c r="B64" s="17"/>
      <c r="C64" s="13">
        <v>26131</v>
      </c>
      <c r="D64" s="19">
        <v>13290</v>
      </c>
      <c r="E64" s="19">
        <v>12841</v>
      </c>
      <c r="F64" s="19"/>
      <c r="G64" s="18" t="s">
        <v>126</v>
      </c>
      <c r="H64" s="17"/>
      <c r="I64" s="13">
        <v>385</v>
      </c>
      <c r="J64" s="19">
        <v>59</v>
      </c>
      <c r="K64" s="19">
        <v>326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688</v>
      </c>
      <c r="J65" s="19">
        <v>91</v>
      </c>
      <c r="K65" s="19">
        <v>597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46350</v>
      </c>
      <c r="J66" s="27">
        <v>24415</v>
      </c>
      <c r="K66" s="27">
        <v>21935</v>
      </c>
    </row>
    <row r="68" spans="1:11">
      <c r="F68" s="28"/>
    </row>
    <row r="75" spans="1:11">
      <c r="F75" s="29"/>
    </row>
    <row r="76" spans="1:11">
      <c r="F76" s="22"/>
    </row>
    <row r="77" spans="1:11">
      <c r="F77" s="22"/>
    </row>
    <row r="78" spans="1:11">
      <c r="F78" s="22"/>
    </row>
    <row r="79" spans="1:11">
      <c r="F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3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30553</v>
      </c>
      <c r="D4" s="14">
        <v>123835</v>
      </c>
      <c r="E4" s="14">
        <v>10671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7350</v>
      </c>
      <c r="D5" s="14">
        <v>3845</v>
      </c>
      <c r="E5" s="14">
        <v>3505</v>
      </c>
      <c r="F5" s="14"/>
      <c r="G5" s="18" t="s">
        <v>8</v>
      </c>
      <c r="H5" s="17"/>
      <c r="I5" s="13">
        <v>18098</v>
      </c>
      <c r="J5" s="14">
        <v>10252</v>
      </c>
      <c r="K5" s="14">
        <v>7846</v>
      </c>
    </row>
    <row r="6" spans="1:11" ht="15" customHeight="1">
      <c r="A6" s="17" t="s">
        <v>9</v>
      </c>
      <c r="B6" s="17"/>
      <c r="C6" s="13">
        <v>1500</v>
      </c>
      <c r="D6" s="19">
        <v>776</v>
      </c>
      <c r="E6" s="19">
        <v>724</v>
      </c>
      <c r="F6" s="19"/>
      <c r="G6" s="18" t="s">
        <v>10</v>
      </c>
      <c r="H6" s="17"/>
      <c r="I6" s="13">
        <v>3847</v>
      </c>
      <c r="J6" s="19">
        <v>2210</v>
      </c>
      <c r="K6" s="19">
        <v>1637</v>
      </c>
    </row>
    <row r="7" spans="1:11" ht="15" customHeight="1">
      <c r="A7" s="17" t="s">
        <v>11</v>
      </c>
      <c r="B7" s="17"/>
      <c r="C7" s="13">
        <v>1383</v>
      </c>
      <c r="D7" s="19">
        <v>708</v>
      </c>
      <c r="E7" s="19">
        <v>675</v>
      </c>
      <c r="F7" s="19"/>
      <c r="G7" s="18" t="s">
        <v>12</v>
      </c>
      <c r="H7" s="17"/>
      <c r="I7" s="13">
        <v>3815</v>
      </c>
      <c r="J7" s="19">
        <v>2188</v>
      </c>
      <c r="K7" s="19">
        <v>1627</v>
      </c>
    </row>
    <row r="8" spans="1:11" ht="15" customHeight="1">
      <c r="A8" s="17" t="s">
        <v>13</v>
      </c>
      <c r="B8" s="17"/>
      <c r="C8" s="13">
        <v>1451</v>
      </c>
      <c r="D8" s="19">
        <v>792</v>
      </c>
      <c r="E8" s="19">
        <v>659</v>
      </c>
      <c r="F8" s="19"/>
      <c r="G8" s="18" t="s">
        <v>14</v>
      </c>
      <c r="H8" s="17"/>
      <c r="I8" s="13">
        <v>3554</v>
      </c>
      <c r="J8" s="19">
        <v>1986</v>
      </c>
      <c r="K8" s="19">
        <v>1568</v>
      </c>
    </row>
    <row r="9" spans="1:11" ht="15" customHeight="1">
      <c r="A9" s="17" t="s">
        <v>15</v>
      </c>
      <c r="B9" s="17"/>
      <c r="C9" s="13">
        <v>1445</v>
      </c>
      <c r="D9" s="19">
        <v>755</v>
      </c>
      <c r="E9" s="19">
        <v>690</v>
      </c>
      <c r="F9" s="19"/>
      <c r="G9" s="18" t="s">
        <v>16</v>
      </c>
      <c r="H9" s="17"/>
      <c r="I9" s="13">
        <v>3520</v>
      </c>
      <c r="J9" s="19">
        <v>1988</v>
      </c>
      <c r="K9" s="19">
        <v>1532</v>
      </c>
    </row>
    <row r="10" spans="1:11" ht="15" customHeight="1">
      <c r="A10" s="17" t="s">
        <v>17</v>
      </c>
      <c r="B10" s="17"/>
      <c r="C10" s="13">
        <v>1571</v>
      </c>
      <c r="D10" s="19">
        <v>814</v>
      </c>
      <c r="E10" s="19">
        <v>757</v>
      </c>
      <c r="F10" s="19"/>
      <c r="G10" s="18" t="s">
        <v>18</v>
      </c>
      <c r="H10" s="17"/>
      <c r="I10" s="13">
        <v>3362</v>
      </c>
      <c r="J10" s="19">
        <v>1880</v>
      </c>
      <c r="K10" s="19">
        <v>1482</v>
      </c>
    </row>
    <row r="11" spans="1:11" ht="20.100000000000001" customHeight="1">
      <c r="A11" s="17" t="s">
        <v>19</v>
      </c>
      <c r="B11" s="17"/>
      <c r="C11" s="13">
        <v>8224</v>
      </c>
      <c r="D11" s="14">
        <v>4264</v>
      </c>
      <c r="E11" s="14">
        <v>3960</v>
      </c>
      <c r="F11" s="14"/>
      <c r="G11" s="18" t="s">
        <v>20</v>
      </c>
      <c r="H11" s="17"/>
      <c r="I11" s="13">
        <v>13856</v>
      </c>
      <c r="J11" s="14">
        <v>7867</v>
      </c>
      <c r="K11" s="14">
        <v>5989</v>
      </c>
    </row>
    <row r="12" spans="1:11" ht="15" customHeight="1">
      <c r="A12" s="17" t="s">
        <v>21</v>
      </c>
      <c r="B12" s="17"/>
      <c r="C12" s="13">
        <v>1585</v>
      </c>
      <c r="D12" s="19">
        <v>815</v>
      </c>
      <c r="E12" s="19">
        <v>770</v>
      </c>
      <c r="F12" s="19"/>
      <c r="G12" s="18" t="s">
        <v>22</v>
      </c>
      <c r="H12" s="17"/>
      <c r="I12" s="13">
        <v>2447</v>
      </c>
      <c r="J12" s="19">
        <v>1411</v>
      </c>
      <c r="K12" s="19">
        <v>1036</v>
      </c>
    </row>
    <row r="13" spans="1:11" ht="15" customHeight="1">
      <c r="A13" s="17" t="s">
        <v>23</v>
      </c>
      <c r="B13" s="17"/>
      <c r="C13" s="13">
        <v>1714</v>
      </c>
      <c r="D13" s="19">
        <v>862</v>
      </c>
      <c r="E13" s="19">
        <v>852</v>
      </c>
      <c r="F13" s="19"/>
      <c r="G13" s="18" t="s">
        <v>24</v>
      </c>
      <c r="H13" s="17"/>
      <c r="I13" s="13">
        <v>3133</v>
      </c>
      <c r="J13" s="19">
        <v>1782</v>
      </c>
      <c r="K13" s="19">
        <v>1351</v>
      </c>
    </row>
    <row r="14" spans="1:11" ht="15" customHeight="1">
      <c r="A14" s="17" t="s">
        <v>25</v>
      </c>
      <c r="B14" s="17"/>
      <c r="C14" s="13">
        <v>1552</v>
      </c>
      <c r="D14" s="19">
        <v>796</v>
      </c>
      <c r="E14" s="19">
        <v>756</v>
      </c>
      <c r="F14" s="19"/>
      <c r="G14" s="18" t="s">
        <v>26</v>
      </c>
      <c r="H14" s="17"/>
      <c r="I14" s="13">
        <v>2921</v>
      </c>
      <c r="J14" s="19">
        <v>1623</v>
      </c>
      <c r="K14" s="19">
        <v>1298</v>
      </c>
    </row>
    <row r="15" spans="1:11" ht="15" customHeight="1">
      <c r="A15" s="17" t="s">
        <v>27</v>
      </c>
      <c r="B15" s="17"/>
      <c r="C15" s="13">
        <v>1694</v>
      </c>
      <c r="D15" s="19">
        <v>919</v>
      </c>
      <c r="E15" s="19">
        <v>775</v>
      </c>
      <c r="F15" s="19"/>
      <c r="G15" s="18" t="s">
        <v>28</v>
      </c>
      <c r="H15" s="17"/>
      <c r="I15" s="13">
        <v>2757</v>
      </c>
      <c r="J15" s="19">
        <v>1559</v>
      </c>
      <c r="K15" s="19">
        <v>1198</v>
      </c>
    </row>
    <row r="16" spans="1:11" ht="15" customHeight="1">
      <c r="A16" s="17" t="s">
        <v>29</v>
      </c>
      <c r="B16" s="17"/>
      <c r="C16" s="13">
        <v>1679</v>
      </c>
      <c r="D16" s="19">
        <v>872</v>
      </c>
      <c r="E16" s="19">
        <v>807</v>
      </c>
      <c r="F16" s="19"/>
      <c r="G16" s="18" t="s">
        <v>30</v>
      </c>
      <c r="H16" s="17"/>
      <c r="I16" s="13">
        <v>2598</v>
      </c>
      <c r="J16" s="19">
        <v>1492</v>
      </c>
      <c r="K16" s="19">
        <v>1106</v>
      </c>
    </row>
    <row r="17" spans="1:11" ht="20.100000000000001" customHeight="1">
      <c r="A17" s="20" t="s">
        <v>31</v>
      </c>
      <c r="B17" s="20"/>
      <c r="C17" s="13">
        <v>8341</v>
      </c>
      <c r="D17" s="14">
        <v>4225</v>
      </c>
      <c r="E17" s="14">
        <v>4116</v>
      </c>
      <c r="F17" s="14"/>
      <c r="G17" s="18" t="s">
        <v>32</v>
      </c>
      <c r="H17" s="17"/>
      <c r="I17" s="13">
        <v>11573</v>
      </c>
      <c r="J17" s="14">
        <v>6352</v>
      </c>
      <c r="K17" s="14">
        <v>5221</v>
      </c>
    </row>
    <row r="18" spans="1:11" ht="15" customHeight="1">
      <c r="A18" s="17" t="s">
        <v>33</v>
      </c>
      <c r="B18" s="17"/>
      <c r="C18" s="13">
        <v>1603</v>
      </c>
      <c r="D18" s="19">
        <v>809</v>
      </c>
      <c r="E18" s="19">
        <v>794</v>
      </c>
      <c r="F18" s="19"/>
      <c r="G18" s="18" t="s">
        <v>34</v>
      </c>
      <c r="H18" s="17"/>
      <c r="I18" s="13">
        <v>2450</v>
      </c>
      <c r="J18" s="19">
        <v>1368</v>
      </c>
      <c r="K18" s="19">
        <v>1082</v>
      </c>
    </row>
    <row r="19" spans="1:11" ht="15" customHeight="1">
      <c r="A19" s="17" t="s">
        <v>35</v>
      </c>
      <c r="B19" s="17"/>
      <c r="C19" s="13">
        <v>1687</v>
      </c>
      <c r="D19" s="19">
        <v>844</v>
      </c>
      <c r="E19" s="19">
        <v>843</v>
      </c>
      <c r="F19" s="19"/>
      <c r="G19" s="18" t="s">
        <v>36</v>
      </c>
      <c r="H19" s="17"/>
      <c r="I19" s="13">
        <v>2374</v>
      </c>
      <c r="J19" s="19">
        <v>1306</v>
      </c>
      <c r="K19" s="19">
        <v>1068</v>
      </c>
    </row>
    <row r="20" spans="1:11" ht="15" customHeight="1">
      <c r="A20" s="17" t="s">
        <v>37</v>
      </c>
      <c r="B20" s="17"/>
      <c r="C20" s="13">
        <v>1600</v>
      </c>
      <c r="D20" s="19">
        <v>834</v>
      </c>
      <c r="E20" s="19">
        <v>766</v>
      </c>
      <c r="F20" s="19"/>
      <c r="G20" s="18" t="s">
        <v>38</v>
      </c>
      <c r="H20" s="17"/>
      <c r="I20" s="13">
        <v>2268</v>
      </c>
      <c r="J20" s="19">
        <v>1227</v>
      </c>
      <c r="K20" s="19">
        <v>1041</v>
      </c>
    </row>
    <row r="21" spans="1:11" ht="15" customHeight="1">
      <c r="A21" s="17" t="s">
        <v>39</v>
      </c>
      <c r="B21" s="17"/>
      <c r="C21" s="13">
        <v>1687</v>
      </c>
      <c r="D21" s="19">
        <v>855</v>
      </c>
      <c r="E21" s="19">
        <v>832</v>
      </c>
      <c r="F21" s="19"/>
      <c r="G21" s="18" t="s">
        <v>40</v>
      </c>
      <c r="H21" s="17"/>
      <c r="I21" s="13">
        <v>2285</v>
      </c>
      <c r="J21" s="19">
        <v>1219</v>
      </c>
      <c r="K21" s="19">
        <v>1066</v>
      </c>
    </row>
    <row r="22" spans="1:11" ht="15" customHeight="1">
      <c r="A22" s="17" t="s">
        <v>41</v>
      </c>
      <c r="B22" s="17"/>
      <c r="C22" s="13">
        <v>1764</v>
      </c>
      <c r="D22" s="19">
        <v>883</v>
      </c>
      <c r="E22" s="19">
        <v>881</v>
      </c>
      <c r="F22" s="19"/>
      <c r="G22" s="18" t="s">
        <v>42</v>
      </c>
      <c r="H22" s="17"/>
      <c r="I22" s="13">
        <v>2196</v>
      </c>
      <c r="J22" s="19">
        <v>1232</v>
      </c>
      <c r="K22" s="19">
        <v>964</v>
      </c>
    </row>
    <row r="23" spans="1:11" ht="20.100000000000001" customHeight="1">
      <c r="A23" s="17" t="s">
        <v>43</v>
      </c>
      <c r="B23" s="17"/>
      <c r="C23" s="13">
        <v>8430</v>
      </c>
      <c r="D23" s="14">
        <v>4372</v>
      </c>
      <c r="E23" s="14">
        <v>4058</v>
      </c>
      <c r="F23" s="14"/>
      <c r="G23" s="18" t="s">
        <v>44</v>
      </c>
      <c r="H23" s="17"/>
      <c r="I23" s="13">
        <v>11373</v>
      </c>
      <c r="J23" s="14">
        <v>6162</v>
      </c>
      <c r="K23" s="14">
        <v>5211</v>
      </c>
    </row>
    <row r="24" spans="1:11" ht="15" customHeight="1">
      <c r="A24" s="17" t="s">
        <v>45</v>
      </c>
      <c r="B24" s="17"/>
      <c r="C24" s="13">
        <v>1689</v>
      </c>
      <c r="D24" s="19">
        <v>881</v>
      </c>
      <c r="E24" s="19">
        <v>808</v>
      </c>
      <c r="F24" s="19"/>
      <c r="G24" s="18" t="s">
        <v>46</v>
      </c>
      <c r="H24" s="17"/>
      <c r="I24" s="13">
        <v>2182</v>
      </c>
      <c r="J24" s="19">
        <v>1193</v>
      </c>
      <c r="K24" s="19">
        <v>989</v>
      </c>
    </row>
    <row r="25" spans="1:11" ht="15" customHeight="1">
      <c r="A25" s="17" t="s">
        <v>47</v>
      </c>
      <c r="B25" s="17"/>
      <c r="C25" s="13">
        <v>1583</v>
      </c>
      <c r="D25" s="19">
        <v>798</v>
      </c>
      <c r="E25" s="19">
        <v>785</v>
      </c>
      <c r="F25" s="19"/>
      <c r="G25" s="18" t="s">
        <v>48</v>
      </c>
      <c r="H25" s="17"/>
      <c r="I25" s="13">
        <v>2223</v>
      </c>
      <c r="J25" s="19">
        <v>1224</v>
      </c>
      <c r="K25" s="19">
        <v>999</v>
      </c>
    </row>
    <row r="26" spans="1:11" ht="15" customHeight="1">
      <c r="A26" s="17" t="s">
        <v>49</v>
      </c>
      <c r="B26" s="17"/>
      <c r="C26" s="13">
        <v>1656</v>
      </c>
      <c r="D26" s="19">
        <v>856</v>
      </c>
      <c r="E26" s="19">
        <v>800</v>
      </c>
      <c r="F26" s="19"/>
      <c r="G26" s="18" t="s">
        <v>50</v>
      </c>
      <c r="H26" s="17"/>
      <c r="I26" s="13">
        <v>2182</v>
      </c>
      <c r="J26" s="19">
        <v>1188</v>
      </c>
      <c r="K26" s="19">
        <v>994</v>
      </c>
    </row>
    <row r="27" spans="1:11" ht="15" customHeight="1">
      <c r="A27" s="17" t="s">
        <v>51</v>
      </c>
      <c r="B27" s="17"/>
      <c r="C27" s="13">
        <v>1658</v>
      </c>
      <c r="D27" s="19">
        <v>861</v>
      </c>
      <c r="E27" s="19">
        <v>797</v>
      </c>
      <c r="F27" s="19"/>
      <c r="G27" s="18" t="s">
        <v>52</v>
      </c>
      <c r="H27" s="17"/>
      <c r="I27" s="13">
        <v>2254</v>
      </c>
      <c r="J27" s="19">
        <v>1202</v>
      </c>
      <c r="K27" s="19">
        <v>1052</v>
      </c>
    </row>
    <row r="28" spans="1:11" ht="15" customHeight="1">
      <c r="A28" s="17" t="s">
        <v>53</v>
      </c>
      <c r="B28" s="17"/>
      <c r="C28" s="13">
        <v>1844</v>
      </c>
      <c r="D28" s="19">
        <v>976</v>
      </c>
      <c r="E28" s="19">
        <v>868</v>
      </c>
      <c r="F28" s="19"/>
      <c r="G28" s="18" t="s">
        <v>54</v>
      </c>
      <c r="H28" s="17"/>
      <c r="I28" s="13">
        <v>2532</v>
      </c>
      <c r="J28" s="19">
        <v>1355</v>
      </c>
      <c r="K28" s="19">
        <v>1177</v>
      </c>
    </row>
    <row r="29" spans="1:11" ht="20.100000000000001" customHeight="1">
      <c r="A29" s="17" t="s">
        <v>55</v>
      </c>
      <c r="B29" s="17"/>
      <c r="C29" s="13">
        <v>12492</v>
      </c>
      <c r="D29" s="14">
        <v>6827</v>
      </c>
      <c r="E29" s="14">
        <v>5665</v>
      </c>
      <c r="F29" s="14"/>
      <c r="G29" s="18" t="s">
        <v>56</v>
      </c>
      <c r="H29" s="17"/>
      <c r="I29" s="13">
        <v>13473</v>
      </c>
      <c r="J29" s="14">
        <v>7072</v>
      </c>
      <c r="K29" s="14">
        <v>6401</v>
      </c>
    </row>
    <row r="30" spans="1:11" ht="15" customHeight="1">
      <c r="A30" s="17" t="s">
        <v>57</v>
      </c>
      <c r="B30" s="17"/>
      <c r="C30" s="13">
        <v>2072</v>
      </c>
      <c r="D30" s="19">
        <v>1115</v>
      </c>
      <c r="E30" s="19">
        <v>957</v>
      </c>
      <c r="F30" s="19"/>
      <c r="G30" s="18" t="s">
        <v>58</v>
      </c>
      <c r="H30" s="17"/>
      <c r="I30" s="13">
        <v>2528</v>
      </c>
      <c r="J30" s="19">
        <v>1386</v>
      </c>
      <c r="K30" s="19">
        <v>1142</v>
      </c>
    </row>
    <row r="31" spans="1:11" ht="15" customHeight="1">
      <c r="A31" s="17" t="s">
        <v>59</v>
      </c>
      <c r="B31" s="17"/>
      <c r="C31" s="13">
        <v>2142</v>
      </c>
      <c r="D31" s="19">
        <v>1136</v>
      </c>
      <c r="E31" s="19">
        <v>1006</v>
      </c>
      <c r="F31" s="19"/>
      <c r="G31" s="18" t="s">
        <v>60</v>
      </c>
      <c r="H31" s="17"/>
      <c r="I31" s="13">
        <v>2622</v>
      </c>
      <c r="J31" s="19">
        <v>1438</v>
      </c>
      <c r="K31" s="19">
        <v>1184</v>
      </c>
    </row>
    <row r="32" spans="1:11" ht="15" customHeight="1">
      <c r="A32" s="17" t="s">
        <v>61</v>
      </c>
      <c r="B32" s="17"/>
      <c r="C32" s="13">
        <v>2269</v>
      </c>
      <c r="D32" s="19">
        <v>1230</v>
      </c>
      <c r="E32" s="19">
        <v>1039</v>
      </c>
      <c r="F32" s="19"/>
      <c r="G32" s="18" t="s">
        <v>62</v>
      </c>
      <c r="H32" s="17"/>
      <c r="I32" s="13">
        <v>2951</v>
      </c>
      <c r="J32" s="19">
        <v>1543</v>
      </c>
      <c r="K32" s="19">
        <v>1408</v>
      </c>
    </row>
    <row r="33" spans="1:11" ht="15" customHeight="1">
      <c r="A33" s="17" t="s">
        <v>63</v>
      </c>
      <c r="B33" s="17"/>
      <c r="C33" s="13">
        <v>2903</v>
      </c>
      <c r="D33" s="19">
        <v>1600</v>
      </c>
      <c r="E33" s="19">
        <v>1303</v>
      </c>
      <c r="F33" s="19"/>
      <c r="G33" s="18" t="s">
        <v>64</v>
      </c>
      <c r="H33" s="17"/>
      <c r="I33" s="13">
        <v>2677</v>
      </c>
      <c r="J33" s="19">
        <v>1357</v>
      </c>
      <c r="K33" s="19">
        <v>1320</v>
      </c>
    </row>
    <row r="34" spans="1:11" ht="15" customHeight="1">
      <c r="A34" s="17" t="s">
        <v>65</v>
      </c>
      <c r="B34" s="17"/>
      <c r="C34" s="13">
        <v>3106</v>
      </c>
      <c r="D34" s="19">
        <v>1746</v>
      </c>
      <c r="E34" s="19">
        <v>1360</v>
      </c>
      <c r="F34" s="19"/>
      <c r="G34" s="18" t="s">
        <v>66</v>
      </c>
      <c r="H34" s="17"/>
      <c r="I34" s="13">
        <v>2695</v>
      </c>
      <c r="J34" s="19">
        <v>1348</v>
      </c>
      <c r="K34" s="19">
        <v>1347</v>
      </c>
    </row>
    <row r="35" spans="1:11" ht="20.100000000000001" customHeight="1">
      <c r="A35" s="17" t="s">
        <v>67</v>
      </c>
      <c r="B35" s="17"/>
      <c r="C35" s="13">
        <v>16174</v>
      </c>
      <c r="D35" s="14">
        <v>9259</v>
      </c>
      <c r="E35" s="14">
        <v>6915</v>
      </c>
      <c r="F35" s="14"/>
      <c r="G35" s="18" t="s">
        <v>68</v>
      </c>
      <c r="H35" s="17"/>
      <c r="I35" s="13">
        <v>9298</v>
      </c>
      <c r="J35" s="14">
        <v>4538</v>
      </c>
      <c r="K35" s="14">
        <v>4760</v>
      </c>
    </row>
    <row r="36" spans="1:11" ht="15" customHeight="1">
      <c r="A36" s="17" t="s">
        <v>69</v>
      </c>
      <c r="B36" s="17"/>
      <c r="C36" s="13">
        <v>3313</v>
      </c>
      <c r="D36" s="19">
        <v>1870</v>
      </c>
      <c r="E36" s="19">
        <v>1443</v>
      </c>
      <c r="F36" s="19"/>
      <c r="G36" s="18" t="s">
        <v>70</v>
      </c>
      <c r="H36" s="17"/>
      <c r="I36" s="13">
        <v>1808</v>
      </c>
      <c r="J36" s="19">
        <v>898</v>
      </c>
      <c r="K36" s="19">
        <v>910</v>
      </c>
    </row>
    <row r="37" spans="1:11" ht="15" customHeight="1">
      <c r="A37" s="17" t="s">
        <v>71</v>
      </c>
      <c r="B37" s="17"/>
      <c r="C37" s="13">
        <v>3159</v>
      </c>
      <c r="D37" s="19">
        <v>1853</v>
      </c>
      <c r="E37" s="19">
        <v>1306</v>
      </c>
      <c r="F37" s="19"/>
      <c r="G37" s="18" t="s">
        <v>72</v>
      </c>
      <c r="H37" s="17"/>
      <c r="I37" s="13">
        <v>1600</v>
      </c>
      <c r="J37" s="19">
        <v>822</v>
      </c>
      <c r="K37" s="19">
        <v>778</v>
      </c>
    </row>
    <row r="38" spans="1:11" ht="15" customHeight="1">
      <c r="A38" s="17" t="s">
        <v>73</v>
      </c>
      <c r="B38" s="17"/>
      <c r="C38" s="13">
        <v>3325</v>
      </c>
      <c r="D38" s="19">
        <v>1919</v>
      </c>
      <c r="E38" s="19">
        <v>1406</v>
      </c>
      <c r="F38" s="19"/>
      <c r="G38" s="18" t="s">
        <v>74</v>
      </c>
      <c r="H38" s="17"/>
      <c r="I38" s="13">
        <v>1937</v>
      </c>
      <c r="J38" s="19">
        <v>940</v>
      </c>
      <c r="K38" s="19">
        <v>997</v>
      </c>
    </row>
    <row r="39" spans="1:11" ht="15" customHeight="1">
      <c r="A39" s="17" t="s">
        <v>75</v>
      </c>
      <c r="B39" s="17"/>
      <c r="C39" s="13">
        <v>3161</v>
      </c>
      <c r="D39" s="19">
        <v>1842</v>
      </c>
      <c r="E39" s="19">
        <v>1319</v>
      </c>
      <c r="F39" s="19"/>
      <c r="G39" s="18" t="s">
        <v>76</v>
      </c>
      <c r="H39" s="17"/>
      <c r="I39" s="13">
        <v>2051</v>
      </c>
      <c r="J39" s="19">
        <v>990</v>
      </c>
      <c r="K39" s="19">
        <v>1061</v>
      </c>
    </row>
    <row r="40" spans="1:11" ht="15" customHeight="1">
      <c r="A40" s="17" t="s">
        <v>77</v>
      </c>
      <c r="B40" s="17"/>
      <c r="C40" s="13">
        <v>3216</v>
      </c>
      <c r="D40" s="19">
        <v>1775</v>
      </c>
      <c r="E40" s="19">
        <v>1441</v>
      </c>
      <c r="F40" s="19"/>
      <c r="G40" s="18" t="s">
        <v>78</v>
      </c>
      <c r="H40" s="17"/>
      <c r="I40" s="13">
        <v>1902</v>
      </c>
      <c r="J40" s="19">
        <v>888</v>
      </c>
      <c r="K40" s="19">
        <v>1014</v>
      </c>
    </row>
    <row r="41" spans="1:11" ht="20.100000000000001" customHeight="1">
      <c r="A41" s="17" t="s">
        <v>79</v>
      </c>
      <c r="B41" s="17"/>
      <c r="C41" s="13">
        <v>14825</v>
      </c>
      <c r="D41" s="14">
        <v>8417</v>
      </c>
      <c r="E41" s="14">
        <v>6408</v>
      </c>
      <c r="F41" s="14"/>
      <c r="G41" s="18" t="s">
        <v>80</v>
      </c>
      <c r="H41" s="17"/>
      <c r="I41" s="13">
        <v>7450</v>
      </c>
      <c r="J41" s="14">
        <v>3090</v>
      </c>
      <c r="K41" s="14">
        <v>4360</v>
      </c>
    </row>
    <row r="42" spans="1:11" ht="15" customHeight="1">
      <c r="A42" s="17" t="s">
        <v>81</v>
      </c>
      <c r="B42" s="17"/>
      <c r="C42" s="13">
        <v>2952</v>
      </c>
      <c r="D42" s="19">
        <v>1676</v>
      </c>
      <c r="E42" s="19">
        <v>1276</v>
      </c>
      <c r="F42" s="19"/>
      <c r="G42" s="18" t="s">
        <v>82</v>
      </c>
      <c r="H42" s="17"/>
      <c r="I42" s="13">
        <v>1864</v>
      </c>
      <c r="J42" s="19">
        <v>833</v>
      </c>
      <c r="K42" s="19">
        <v>1031</v>
      </c>
    </row>
    <row r="43" spans="1:11" ht="15" customHeight="1">
      <c r="A43" s="17" t="s">
        <v>83</v>
      </c>
      <c r="B43" s="17"/>
      <c r="C43" s="13">
        <v>2977</v>
      </c>
      <c r="D43" s="19">
        <v>1723</v>
      </c>
      <c r="E43" s="19">
        <v>1254</v>
      </c>
      <c r="F43" s="19"/>
      <c r="G43" s="18" t="s">
        <v>84</v>
      </c>
      <c r="H43" s="17"/>
      <c r="I43" s="13">
        <v>1605</v>
      </c>
      <c r="J43" s="19">
        <v>661</v>
      </c>
      <c r="K43" s="19">
        <v>944</v>
      </c>
    </row>
    <row r="44" spans="1:11" ht="15" customHeight="1">
      <c r="A44" s="17" t="s">
        <v>85</v>
      </c>
      <c r="B44" s="17"/>
      <c r="C44" s="13">
        <v>2964</v>
      </c>
      <c r="D44" s="19">
        <v>1645</v>
      </c>
      <c r="E44" s="19">
        <v>1319</v>
      </c>
      <c r="F44" s="19"/>
      <c r="G44" s="18" t="s">
        <v>86</v>
      </c>
      <c r="H44" s="17"/>
      <c r="I44" s="13">
        <v>1299</v>
      </c>
      <c r="J44" s="19">
        <v>557</v>
      </c>
      <c r="K44" s="19">
        <v>742</v>
      </c>
    </row>
    <row r="45" spans="1:11" ht="15" customHeight="1">
      <c r="A45" s="17" t="s">
        <v>87</v>
      </c>
      <c r="B45" s="17"/>
      <c r="C45" s="13">
        <v>3050</v>
      </c>
      <c r="D45" s="19">
        <v>1736</v>
      </c>
      <c r="E45" s="19">
        <v>1314</v>
      </c>
      <c r="F45" s="19"/>
      <c r="G45" s="18" t="s">
        <v>88</v>
      </c>
      <c r="H45" s="17"/>
      <c r="I45" s="13">
        <v>1266</v>
      </c>
      <c r="J45" s="19">
        <v>491</v>
      </c>
      <c r="K45" s="19">
        <v>775</v>
      </c>
    </row>
    <row r="46" spans="1:11" ht="15" customHeight="1">
      <c r="A46" s="17" t="s">
        <v>89</v>
      </c>
      <c r="B46" s="17"/>
      <c r="C46" s="13">
        <v>2882</v>
      </c>
      <c r="D46" s="19">
        <v>1637</v>
      </c>
      <c r="E46" s="19">
        <v>1245</v>
      </c>
      <c r="F46" s="19"/>
      <c r="G46" s="18" t="s">
        <v>90</v>
      </c>
      <c r="H46" s="17"/>
      <c r="I46" s="13">
        <v>1416</v>
      </c>
      <c r="J46" s="19">
        <v>548</v>
      </c>
      <c r="K46" s="19">
        <v>868</v>
      </c>
    </row>
    <row r="47" spans="1:11" ht="20.100000000000001" customHeight="1">
      <c r="A47" s="17" t="s">
        <v>91</v>
      </c>
      <c r="B47" s="17"/>
      <c r="C47" s="13">
        <v>15724</v>
      </c>
      <c r="D47" s="14">
        <v>8922</v>
      </c>
      <c r="E47" s="14">
        <v>6802</v>
      </c>
      <c r="F47" s="14"/>
      <c r="G47" s="18" t="s">
        <v>92</v>
      </c>
      <c r="H47" s="17"/>
      <c r="I47" s="13">
        <v>5029</v>
      </c>
      <c r="J47" s="14">
        <v>1757</v>
      </c>
      <c r="K47" s="14">
        <v>3272</v>
      </c>
    </row>
    <row r="48" spans="1:11" ht="15" customHeight="1">
      <c r="A48" s="17" t="s">
        <v>93</v>
      </c>
      <c r="B48" s="17"/>
      <c r="C48" s="13">
        <v>3017</v>
      </c>
      <c r="D48" s="19">
        <v>1710</v>
      </c>
      <c r="E48" s="19">
        <v>1307</v>
      </c>
      <c r="F48" s="19"/>
      <c r="G48" s="18" t="s">
        <v>94</v>
      </c>
      <c r="H48" s="17"/>
      <c r="I48" s="13">
        <v>1228</v>
      </c>
      <c r="J48" s="19">
        <v>460</v>
      </c>
      <c r="K48" s="19">
        <v>768</v>
      </c>
    </row>
    <row r="49" spans="1:11" ht="15" customHeight="1">
      <c r="A49" s="17" t="s">
        <v>95</v>
      </c>
      <c r="B49" s="17"/>
      <c r="C49" s="13">
        <v>3160</v>
      </c>
      <c r="D49" s="19">
        <v>1846</v>
      </c>
      <c r="E49" s="19">
        <v>1314</v>
      </c>
      <c r="F49" s="19"/>
      <c r="G49" s="18" t="s">
        <v>96</v>
      </c>
      <c r="H49" s="17"/>
      <c r="I49" s="13">
        <v>1161</v>
      </c>
      <c r="J49" s="19">
        <v>427</v>
      </c>
      <c r="K49" s="19">
        <v>734</v>
      </c>
    </row>
    <row r="50" spans="1:11" ht="15" customHeight="1">
      <c r="A50" s="17" t="s">
        <v>97</v>
      </c>
      <c r="B50" s="17"/>
      <c r="C50" s="13">
        <v>3167</v>
      </c>
      <c r="D50" s="19">
        <v>1783</v>
      </c>
      <c r="E50" s="19">
        <v>1384</v>
      </c>
      <c r="F50" s="19"/>
      <c r="G50" s="18" t="s">
        <v>98</v>
      </c>
      <c r="H50" s="17"/>
      <c r="I50" s="13">
        <v>947</v>
      </c>
      <c r="J50" s="19">
        <v>326</v>
      </c>
      <c r="K50" s="19">
        <v>621</v>
      </c>
    </row>
    <row r="51" spans="1:11" ht="15" customHeight="1">
      <c r="A51" s="17" t="s">
        <v>99</v>
      </c>
      <c r="B51" s="17"/>
      <c r="C51" s="13">
        <v>3211</v>
      </c>
      <c r="D51" s="19">
        <v>1787</v>
      </c>
      <c r="E51" s="19">
        <v>1424</v>
      </c>
      <c r="F51" s="19"/>
      <c r="G51" s="18" t="s">
        <v>100</v>
      </c>
      <c r="H51" s="17"/>
      <c r="I51" s="13">
        <v>871</v>
      </c>
      <c r="J51" s="19">
        <v>289</v>
      </c>
      <c r="K51" s="19">
        <v>582</v>
      </c>
    </row>
    <row r="52" spans="1:11" ht="15" customHeight="1">
      <c r="A52" s="17" t="s">
        <v>101</v>
      </c>
      <c r="B52" s="17"/>
      <c r="C52" s="13">
        <v>3169</v>
      </c>
      <c r="D52" s="19">
        <v>1796</v>
      </c>
      <c r="E52" s="19">
        <v>1373</v>
      </c>
      <c r="F52" s="19"/>
      <c r="G52" s="18" t="s">
        <v>102</v>
      </c>
      <c r="H52" s="17"/>
      <c r="I52" s="13">
        <v>822</v>
      </c>
      <c r="J52" s="19">
        <v>255</v>
      </c>
      <c r="K52" s="19">
        <v>567</v>
      </c>
    </row>
    <row r="53" spans="1:11" ht="20.100000000000001" customHeight="1">
      <c r="A53" s="17" t="s">
        <v>103</v>
      </c>
      <c r="B53" s="17"/>
      <c r="C53" s="13">
        <v>16246</v>
      </c>
      <c r="D53" s="14">
        <v>9033</v>
      </c>
      <c r="E53" s="14">
        <v>7213</v>
      </c>
      <c r="F53" s="14"/>
      <c r="G53" s="18" t="s">
        <v>104</v>
      </c>
      <c r="H53" s="17"/>
      <c r="I53" s="13">
        <v>2236</v>
      </c>
      <c r="J53" s="14">
        <v>596</v>
      </c>
      <c r="K53" s="14">
        <v>1640</v>
      </c>
    </row>
    <row r="54" spans="1:11" ht="15" customHeight="1">
      <c r="A54" s="17" t="s">
        <v>105</v>
      </c>
      <c r="B54" s="17"/>
      <c r="C54" s="13">
        <v>3070</v>
      </c>
      <c r="D54" s="19">
        <v>1708</v>
      </c>
      <c r="E54" s="19">
        <v>1362</v>
      </c>
      <c r="F54" s="19"/>
      <c r="G54" s="18" t="s">
        <v>106</v>
      </c>
      <c r="H54" s="17"/>
      <c r="I54" s="13">
        <v>664</v>
      </c>
      <c r="J54" s="19">
        <v>195</v>
      </c>
      <c r="K54" s="19">
        <v>469</v>
      </c>
    </row>
    <row r="55" spans="1:11" ht="15" customHeight="1">
      <c r="A55" s="17" t="s">
        <v>107</v>
      </c>
      <c r="B55" s="17"/>
      <c r="C55" s="13">
        <v>3143</v>
      </c>
      <c r="D55" s="19">
        <v>1735</v>
      </c>
      <c r="E55" s="19">
        <v>1408</v>
      </c>
      <c r="F55" s="19"/>
      <c r="G55" s="18" t="s">
        <v>108</v>
      </c>
      <c r="H55" s="17"/>
      <c r="I55" s="13">
        <v>486</v>
      </c>
      <c r="J55" s="19">
        <v>125</v>
      </c>
      <c r="K55" s="19">
        <v>361</v>
      </c>
    </row>
    <row r="56" spans="1:11" ht="15" customHeight="1">
      <c r="A56" s="17" t="s">
        <v>109</v>
      </c>
      <c r="B56" s="17"/>
      <c r="C56" s="13">
        <v>3269</v>
      </c>
      <c r="D56" s="19">
        <v>1848</v>
      </c>
      <c r="E56" s="19">
        <v>1421</v>
      </c>
      <c r="F56" s="19"/>
      <c r="G56" s="18" t="s">
        <v>110</v>
      </c>
      <c r="H56" s="17"/>
      <c r="I56" s="13">
        <v>427</v>
      </c>
      <c r="J56" s="19">
        <v>115</v>
      </c>
      <c r="K56" s="19">
        <v>312</v>
      </c>
    </row>
    <row r="57" spans="1:11" ht="15" customHeight="1">
      <c r="A57" s="17" t="s">
        <v>111</v>
      </c>
      <c r="B57" s="17"/>
      <c r="C57" s="13">
        <v>3374</v>
      </c>
      <c r="D57" s="19">
        <v>1886</v>
      </c>
      <c r="E57" s="19">
        <v>1488</v>
      </c>
      <c r="F57" s="19"/>
      <c r="G57" s="18" t="s">
        <v>112</v>
      </c>
      <c r="H57" s="17"/>
      <c r="I57" s="13">
        <v>381</v>
      </c>
      <c r="J57" s="19">
        <v>97</v>
      </c>
      <c r="K57" s="19">
        <v>284</v>
      </c>
    </row>
    <row r="58" spans="1:11" ht="15" customHeight="1">
      <c r="A58" s="17" t="s">
        <v>113</v>
      </c>
      <c r="B58" s="17"/>
      <c r="C58" s="13">
        <v>3390</v>
      </c>
      <c r="D58" s="19">
        <v>1856</v>
      </c>
      <c r="E58" s="19">
        <v>1534</v>
      </c>
      <c r="F58" s="19"/>
      <c r="G58" s="18" t="s">
        <v>114</v>
      </c>
      <c r="H58" s="17"/>
      <c r="I58" s="13">
        <v>278</v>
      </c>
      <c r="J58" s="19">
        <v>64</v>
      </c>
      <c r="K58" s="19">
        <v>214</v>
      </c>
    </row>
    <row r="59" spans="1:11" ht="20.100000000000001" customHeight="1">
      <c r="A59" s="17" t="s">
        <v>115</v>
      </c>
      <c r="B59" s="17"/>
      <c r="C59" s="13">
        <v>18916</v>
      </c>
      <c r="D59" s="14">
        <v>10668</v>
      </c>
      <c r="E59" s="14">
        <v>8248</v>
      </c>
      <c r="F59" s="14"/>
      <c r="G59" s="18" t="s">
        <v>116</v>
      </c>
      <c r="H59" s="17"/>
      <c r="I59" s="13">
        <v>547</v>
      </c>
      <c r="J59" s="14">
        <v>95</v>
      </c>
      <c r="K59" s="14">
        <v>452</v>
      </c>
    </row>
    <row r="60" spans="1:11" ht="15" customHeight="1">
      <c r="A60" s="17" t="s">
        <v>117</v>
      </c>
      <c r="B60" s="17"/>
      <c r="C60" s="13">
        <v>3426</v>
      </c>
      <c r="D60" s="19">
        <v>1907</v>
      </c>
      <c r="E60" s="19">
        <v>1519</v>
      </c>
      <c r="F60" s="19"/>
      <c r="G60" s="18" t="s">
        <v>118</v>
      </c>
      <c r="H60" s="17"/>
      <c r="I60" s="13">
        <v>212</v>
      </c>
      <c r="J60" s="19">
        <v>47</v>
      </c>
      <c r="K60" s="19">
        <v>165</v>
      </c>
    </row>
    <row r="61" spans="1:11" ht="15" customHeight="1">
      <c r="A61" s="17" t="s">
        <v>119</v>
      </c>
      <c r="B61" s="17"/>
      <c r="C61" s="13">
        <v>3526</v>
      </c>
      <c r="D61" s="19">
        <v>1979</v>
      </c>
      <c r="E61" s="19">
        <v>1547</v>
      </c>
      <c r="F61" s="19"/>
      <c r="G61" s="18" t="s">
        <v>120</v>
      </c>
      <c r="H61" s="17"/>
      <c r="I61" s="13">
        <v>121</v>
      </c>
      <c r="J61" s="19">
        <v>17</v>
      </c>
      <c r="K61" s="19">
        <v>104</v>
      </c>
    </row>
    <row r="62" spans="1:11" ht="15" customHeight="1">
      <c r="A62" s="17" t="s">
        <v>121</v>
      </c>
      <c r="B62" s="17"/>
      <c r="C62" s="13">
        <v>3918</v>
      </c>
      <c r="D62" s="19">
        <v>2224</v>
      </c>
      <c r="E62" s="19">
        <v>1694</v>
      </c>
      <c r="F62" s="19"/>
      <c r="G62" s="18" t="s">
        <v>122</v>
      </c>
      <c r="H62" s="17"/>
      <c r="I62" s="13">
        <v>97</v>
      </c>
      <c r="J62" s="19">
        <v>19</v>
      </c>
      <c r="K62" s="19">
        <v>78</v>
      </c>
    </row>
    <row r="63" spans="1:11" ht="15" customHeight="1">
      <c r="A63" s="17" t="s">
        <v>123</v>
      </c>
      <c r="B63" s="17"/>
      <c r="C63" s="13">
        <v>4092</v>
      </c>
      <c r="D63" s="19">
        <v>2342</v>
      </c>
      <c r="E63" s="19">
        <v>1750</v>
      </c>
      <c r="F63" s="19"/>
      <c r="G63" s="18" t="s">
        <v>124</v>
      </c>
      <c r="H63" s="17"/>
      <c r="I63" s="13">
        <v>63</v>
      </c>
      <c r="J63" s="19">
        <v>8</v>
      </c>
      <c r="K63" s="19">
        <v>55</v>
      </c>
    </row>
    <row r="64" spans="1:11" ht="15" customHeight="1">
      <c r="A64" s="17" t="s">
        <v>125</v>
      </c>
      <c r="B64" s="17"/>
      <c r="C64" s="13">
        <v>3954</v>
      </c>
      <c r="D64" s="19">
        <v>2216</v>
      </c>
      <c r="E64" s="19">
        <v>1738</v>
      </c>
      <c r="F64" s="19"/>
      <c r="G64" s="18" t="s">
        <v>126</v>
      </c>
      <c r="H64" s="17"/>
      <c r="I64" s="13">
        <v>54</v>
      </c>
      <c r="J64" s="19">
        <v>4</v>
      </c>
      <c r="K64" s="19">
        <v>50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83</v>
      </c>
      <c r="J65" s="19">
        <v>8</v>
      </c>
      <c r="K65" s="19">
        <v>75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10815</v>
      </c>
      <c r="J66" s="27">
        <v>6214</v>
      </c>
      <c r="K66" s="27">
        <v>4601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4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71272</v>
      </c>
      <c r="D4" s="14">
        <v>86533</v>
      </c>
      <c r="E4" s="14">
        <v>8473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086</v>
      </c>
      <c r="D5" s="14">
        <v>4146</v>
      </c>
      <c r="E5" s="14">
        <v>3940</v>
      </c>
      <c r="F5" s="14"/>
      <c r="G5" s="18" t="s">
        <v>8</v>
      </c>
      <c r="H5" s="17"/>
      <c r="I5" s="13">
        <v>13351</v>
      </c>
      <c r="J5" s="14">
        <v>7117</v>
      </c>
      <c r="K5" s="14">
        <v>6234</v>
      </c>
    </row>
    <row r="6" spans="1:11" ht="15" customHeight="1">
      <c r="A6" s="17" t="s">
        <v>9</v>
      </c>
      <c r="B6" s="17"/>
      <c r="C6" s="13">
        <v>1572</v>
      </c>
      <c r="D6" s="19">
        <v>767</v>
      </c>
      <c r="E6" s="19">
        <v>805</v>
      </c>
      <c r="F6" s="19"/>
      <c r="G6" s="18" t="s">
        <v>10</v>
      </c>
      <c r="H6" s="17"/>
      <c r="I6" s="13">
        <v>2873</v>
      </c>
      <c r="J6" s="19">
        <v>1518</v>
      </c>
      <c r="K6" s="19">
        <v>1355</v>
      </c>
    </row>
    <row r="7" spans="1:11" ht="15" customHeight="1">
      <c r="A7" s="17" t="s">
        <v>11</v>
      </c>
      <c r="B7" s="17"/>
      <c r="C7" s="13">
        <v>1607</v>
      </c>
      <c r="D7" s="19">
        <v>801</v>
      </c>
      <c r="E7" s="19">
        <v>806</v>
      </c>
      <c r="F7" s="19"/>
      <c r="G7" s="18" t="s">
        <v>12</v>
      </c>
      <c r="H7" s="17"/>
      <c r="I7" s="13">
        <v>2807</v>
      </c>
      <c r="J7" s="19">
        <v>1506</v>
      </c>
      <c r="K7" s="19">
        <v>1301</v>
      </c>
    </row>
    <row r="8" spans="1:11" ht="15" customHeight="1">
      <c r="A8" s="17" t="s">
        <v>13</v>
      </c>
      <c r="B8" s="17"/>
      <c r="C8" s="13">
        <v>1621</v>
      </c>
      <c r="D8" s="19">
        <v>842</v>
      </c>
      <c r="E8" s="19">
        <v>779</v>
      </c>
      <c r="F8" s="19"/>
      <c r="G8" s="18" t="s">
        <v>14</v>
      </c>
      <c r="H8" s="17"/>
      <c r="I8" s="13">
        <v>2625</v>
      </c>
      <c r="J8" s="19">
        <v>1390</v>
      </c>
      <c r="K8" s="19">
        <v>1235</v>
      </c>
    </row>
    <row r="9" spans="1:11" ht="15" customHeight="1">
      <c r="A9" s="17" t="s">
        <v>15</v>
      </c>
      <c r="B9" s="17"/>
      <c r="C9" s="13">
        <v>1675</v>
      </c>
      <c r="D9" s="19">
        <v>882</v>
      </c>
      <c r="E9" s="19">
        <v>793</v>
      </c>
      <c r="F9" s="19"/>
      <c r="G9" s="18" t="s">
        <v>16</v>
      </c>
      <c r="H9" s="17"/>
      <c r="I9" s="13">
        <v>2446</v>
      </c>
      <c r="J9" s="19">
        <v>1287</v>
      </c>
      <c r="K9" s="19">
        <v>1159</v>
      </c>
    </row>
    <row r="10" spans="1:11" ht="15" customHeight="1">
      <c r="A10" s="17" t="s">
        <v>17</v>
      </c>
      <c r="B10" s="17"/>
      <c r="C10" s="13">
        <v>1611</v>
      </c>
      <c r="D10" s="19">
        <v>854</v>
      </c>
      <c r="E10" s="19">
        <v>757</v>
      </c>
      <c r="F10" s="19"/>
      <c r="G10" s="18" t="s">
        <v>18</v>
      </c>
      <c r="H10" s="17"/>
      <c r="I10" s="13">
        <v>2600</v>
      </c>
      <c r="J10" s="19">
        <v>1416</v>
      </c>
      <c r="K10" s="19">
        <v>1184</v>
      </c>
    </row>
    <row r="11" spans="1:11" ht="20.100000000000001" customHeight="1">
      <c r="A11" s="17" t="s">
        <v>19</v>
      </c>
      <c r="B11" s="17"/>
      <c r="C11" s="13">
        <v>7619</v>
      </c>
      <c r="D11" s="14">
        <v>3861</v>
      </c>
      <c r="E11" s="14">
        <v>3758</v>
      </c>
      <c r="F11" s="14"/>
      <c r="G11" s="18" t="s">
        <v>20</v>
      </c>
      <c r="H11" s="17"/>
      <c r="I11" s="13">
        <v>9803</v>
      </c>
      <c r="J11" s="14">
        <v>5296</v>
      </c>
      <c r="K11" s="14">
        <v>4507</v>
      </c>
    </row>
    <row r="12" spans="1:11" ht="15" customHeight="1">
      <c r="A12" s="17" t="s">
        <v>21</v>
      </c>
      <c r="B12" s="17"/>
      <c r="C12" s="13">
        <v>1587</v>
      </c>
      <c r="D12" s="19">
        <v>802</v>
      </c>
      <c r="E12" s="19">
        <v>785</v>
      </c>
      <c r="F12" s="19"/>
      <c r="G12" s="18" t="s">
        <v>22</v>
      </c>
      <c r="H12" s="17"/>
      <c r="I12" s="13">
        <v>1766</v>
      </c>
      <c r="J12" s="19">
        <v>945</v>
      </c>
      <c r="K12" s="19">
        <v>821</v>
      </c>
    </row>
    <row r="13" spans="1:11" ht="15" customHeight="1">
      <c r="A13" s="17" t="s">
        <v>23</v>
      </c>
      <c r="B13" s="17"/>
      <c r="C13" s="13">
        <v>1580</v>
      </c>
      <c r="D13" s="19">
        <v>824</v>
      </c>
      <c r="E13" s="19">
        <v>756</v>
      </c>
      <c r="F13" s="19"/>
      <c r="G13" s="18" t="s">
        <v>24</v>
      </c>
      <c r="H13" s="17"/>
      <c r="I13" s="13">
        <v>2320</v>
      </c>
      <c r="J13" s="19">
        <v>1261</v>
      </c>
      <c r="K13" s="19">
        <v>1059</v>
      </c>
    </row>
    <row r="14" spans="1:11" ht="15" customHeight="1">
      <c r="A14" s="17" t="s">
        <v>25</v>
      </c>
      <c r="B14" s="17"/>
      <c r="C14" s="13">
        <v>1434</v>
      </c>
      <c r="D14" s="19">
        <v>744</v>
      </c>
      <c r="E14" s="19">
        <v>690</v>
      </c>
      <c r="F14" s="19"/>
      <c r="G14" s="18" t="s">
        <v>26</v>
      </c>
      <c r="H14" s="17"/>
      <c r="I14" s="13">
        <v>1959</v>
      </c>
      <c r="J14" s="19">
        <v>1094</v>
      </c>
      <c r="K14" s="19">
        <v>865</v>
      </c>
    </row>
    <row r="15" spans="1:11" ht="15" customHeight="1">
      <c r="A15" s="17" t="s">
        <v>27</v>
      </c>
      <c r="B15" s="17"/>
      <c r="C15" s="13">
        <v>1540</v>
      </c>
      <c r="D15" s="19">
        <v>757</v>
      </c>
      <c r="E15" s="19">
        <v>783</v>
      </c>
      <c r="F15" s="19"/>
      <c r="G15" s="18" t="s">
        <v>28</v>
      </c>
      <c r="H15" s="17"/>
      <c r="I15" s="13">
        <v>1921</v>
      </c>
      <c r="J15" s="19">
        <v>1026</v>
      </c>
      <c r="K15" s="19">
        <v>895</v>
      </c>
    </row>
    <row r="16" spans="1:11" ht="15" customHeight="1">
      <c r="A16" s="17" t="s">
        <v>29</v>
      </c>
      <c r="B16" s="17"/>
      <c r="C16" s="13">
        <v>1478</v>
      </c>
      <c r="D16" s="19">
        <v>734</v>
      </c>
      <c r="E16" s="19">
        <v>744</v>
      </c>
      <c r="F16" s="19"/>
      <c r="G16" s="18" t="s">
        <v>30</v>
      </c>
      <c r="H16" s="17"/>
      <c r="I16" s="13">
        <v>1837</v>
      </c>
      <c r="J16" s="19">
        <v>970</v>
      </c>
      <c r="K16" s="19">
        <v>867</v>
      </c>
    </row>
    <row r="17" spans="1:11" ht="20.100000000000001" customHeight="1">
      <c r="A17" s="20" t="s">
        <v>31</v>
      </c>
      <c r="B17" s="20"/>
      <c r="C17" s="13">
        <v>7153</v>
      </c>
      <c r="D17" s="14">
        <v>3666</v>
      </c>
      <c r="E17" s="14">
        <v>3487</v>
      </c>
      <c r="F17" s="14"/>
      <c r="G17" s="18" t="s">
        <v>32</v>
      </c>
      <c r="H17" s="17"/>
      <c r="I17" s="13">
        <v>8010</v>
      </c>
      <c r="J17" s="14">
        <v>4204</v>
      </c>
      <c r="K17" s="14">
        <v>3806</v>
      </c>
    </row>
    <row r="18" spans="1:11" ht="15" customHeight="1">
      <c r="A18" s="17" t="s">
        <v>33</v>
      </c>
      <c r="B18" s="17"/>
      <c r="C18" s="13">
        <v>1420</v>
      </c>
      <c r="D18" s="19">
        <v>752</v>
      </c>
      <c r="E18" s="19">
        <v>668</v>
      </c>
      <c r="F18" s="19"/>
      <c r="G18" s="18" t="s">
        <v>34</v>
      </c>
      <c r="H18" s="17"/>
      <c r="I18" s="13">
        <v>1693</v>
      </c>
      <c r="J18" s="19">
        <v>876</v>
      </c>
      <c r="K18" s="19">
        <v>817</v>
      </c>
    </row>
    <row r="19" spans="1:11" ht="15" customHeight="1">
      <c r="A19" s="17" t="s">
        <v>35</v>
      </c>
      <c r="B19" s="17"/>
      <c r="C19" s="13">
        <v>1505</v>
      </c>
      <c r="D19" s="19">
        <v>781</v>
      </c>
      <c r="E19" s="19">
        <v>724</v>
      </c>
      <c r="F19" s="19"/>
      <c r="G19" s="18" t="s">
        <v>36</v>
      </c>
      <c r="H19" s="17"/>
      <c r="I19" s="13">
        <v>1661</v>
      </c>
      <c r="J19" s="19">
        <v>892</v>
      </c>
      <c r="K19" s="19">
        <v>769</v>
      </c>
    </row>
    <row r="20" spans="1:11" ht="15" customHeight="1">
      <c r="A20" s="17" t="s">
        <v>37</v>
      </c>
      <c r="B20" s="17"/>
      <c r="C20" s="13">
        <v>1426</v>
      </c>
      <c r="D20" s="19">
        <v>711</v>
      </c>
      <c r="E20" s="19">
        <v>715</v>
      </c>
      <c r="F20" s="19"/>
      <c r="G20" s="18" t="s">
        <v>38</v>
      </c>
      <c r="H20" s="17"/>
      <c r="I20" s="13">
        <v>1603</v>
      </c>
      <c r="J20" s="19">
        <v>856</v>
      </c>
      <c r="K20" s="19">
        <v>747</v>
      </c>
    </row>
    <row r="21" spans="1:11" ht="15" customHeight="1">
      <c r="A21" s="17" t="s">
        <v>39</v>
      </c>
      <c r="B21" s="17"/>
      <c r="C21" s="13">
        <v>1430</v>
      </c>
      <c r="D21" s="19">
        <v>740</v>
      </c>
      <c r="E21" s="19">
        <v>690</v>
      </c>
      <c r="F21" s="19"/>
      <c r="G21" s="18" t="s">
        <v>40</v>
      </c>
      <c r="H21" s="17"/>
      <c r="I21" s="13">
        <v>1570</v>
      </c>
      <c r="J21" s="19">
        <v>812</v>
      </c>
      <c r="K21" s="19">
        <v>758</v>
      </c>
    </row>
    <row r="22" spans="1:11" ht="15" customHeight="1">
      <c r="A22" s="17" t="s">
        <v>41</v>
      </c>
      <c r="B22" s="17"/>
      <c r="C22" s="13">
        <v>1372</v>
      </c>
      <c r="D22" s="19">
        <v>682</v>
      </c>
      <c r="E22" s="19">
        <v>690</v>
      </c>
      <c r="F22" s="19"/>
      <c r="G22" s="18" t="s">
        <v>42</v>
      </c>
      <c r="H22" s="17"/>
      <c r="I22" s="13">
        <v>1483</v>
      </c>
      <c r="J22" s="19">
        <v>768</v>
      </c>
      <c r="K22" s="19">
        <v>715</v>
      </c>
    </row>
    <row r="23" spans="1:11" ht="20.100000000000001" customHeight="1">
      <c r="A23" s="17" t="s">
        <v>43</v>
      </c>
      <c r="B23" s="17"/>
      <c r="C23" s="13">
        <v>6457</v>
      </c>
      <c r="D23" s="14">
        <v>3323</v>
      </c>
      <c r="E23" s="14">
        <v>3134</v>
      </c>
      <c r="F23" s="14"/>
      <c r="G23" s="18" t="s">
        <v>44</v>
      </c>
      <c r="H23" s="17"/>
      <c r="I23" s="13">
        <v>7841</v>
      </c>
      <c r="J23" s="14">
        <v>3925</v>
      </c>
      <c r="K23" s="14">
        <v>3916</v>
      </c>
    </row>
    <row r="24" spans="1:11" ht="15" customHeight="1">
      <c r="A24" s="17" t="s">
        <v>45</v>
      </c>
      <c r="B24" s="17"/>
      <c r="C24" s="13">
        <v>1371</v>
      </c>
      <c r="D24" s="19">
        <v>699</v>
      </c>
      <c r="E24" s="19">
        <v>672</v>
      </c>
      <c r="F24" s="19"/>
      <c r="G24" s="18" t="s">
        <v>46</v>
      </c>
      <c r="H24" s="17"/>
      <c r="I24" s="13">
        <v>1540</v>
      </c>
      <c r="J24" s="19">
        <v>801</v>
      </c>
      <c r="K24" s="19">
        <v>739</v>
      </c>
    </row>
    <row r="25" spans="1:11" ht="15" customHeight="1">
      <c r="A25" s="17" t="s">
        <v>47</v>
      </c>
      <c r="B25" s="17"/>
      <c r="C25" s="13">
        <v>1266</v>
      </c>
      <c r="D25" s="19">
        <v>646</v>
      </c>
      <c r="E25" s="19">
        <v>620</v>
      </c>
      <c r="F25" s="19"/>
      <c r="G25" s="18" t="s">
        <v>48</v>
      </c>
      <c r="H25" s="17"/>
      <c r="I25" s="13">
        <v>1498</v>
      </c>
      <c r="J25" s="19">
        <v>733</v>
      </c>
      <c r="K25" s="19">
        <v>765</v>
      </c>
    </row>
    <row r="26" spans="1:11" ht="15" customHeight="1">
      <c r="A26" s="17" t="s">
        <v>49</v>
      </c>
      <c r="B26" s="17"/>
      <c r="C26" s="13">
        <v>1284</v>
      </c>
      <c r="D26" s="19">
        <v>661</v>
      </c>
      <c r="E26" s="19">
        <v>623</v>
      </c>
      <c r="F26" s="19"/>
      <c r="G26" s="18" t="s">
        <v>50</v>
      </c>
      <c r="H26" s="17"/>
      <c r="I26" s="13">
        <v>1542</v>
      </c>
      <c r="J26" s="19">
        <v>768</v>
      </c>
      <c r="K26" s="19">
        <v>774</v>
      </c>
    </row>
    <row r="27" spans="1:11" ht="15" customHeight="1">
      <c r="A27" s="17" t="s">
        <v>51</v>
      </c>
      <c r="B27" s="17"/>
      <c r="C27" s="13">
        <v>1227</v>
      </c>
      <c r="D27" s="19">
        <v>658</v>
      </c>
      <c r="E27" s="19">
        <v>569</v>
      </c>
      <c r="F27" s="19"/>
      <c r="G27" s="18" t="s">
        <v>52</v>
      </c>
      <c r="H27" s="17"/>
      <c r="I27" s="13">
        <v>1594</v>
      </c>
      <c r="J27" s="19">
        <v>793</v>
      </c>
      <c r="K27" s="19">
        <v>801</v>
      </c>
    </row>
    <row r="28" spans="1:11" ht="15" customHeight="1">
      <c r="A28" s="17" t="s">
        <v>53</v>
      </c>
      <c r="B28" s="17"/>
      <c r="C28" s="13">
        <v>1309</v>
      </c>
      <c r="D28" s="19">
        <v>659</v>
      </c>
      <c r="E28" s="19">
        <v>650</v>
      </c>
      <c r="F28" s="19"/>
      <c r="G28" s="18" t="s">
        <v>54</v>
      </c>
      <c r="H28" s="17"/>
      <c r="I28" s="13">
        <v>1667</v>
      </c>
      <c r="J28" s="19">
        <v>830</v>
      </c>
      <c r="K28" s="19">
        <v>837</v>
      </c>
    </row>
    <row r="29" spans="1:11" ht="20.100000000000001" customHeight="1">
      <c r="A29" s="17" t="s">
        <v>55</v>
      </c>
      <c r="B29" s="17"/>
      <c r="C29" s="13">
        <v>7819</v>
      </c>
      <c r="D29" s="14">
        <v>4030</v>
      </c>
      <c r="E29" s="14">
        <v>3789</v>
      </c>
      <c r="F29" s="14"/>
      <c r="G29" s="18" t="s">
        <v>56</v>
      </c>
      <c r="H29" s="17"/>
      <c r="I29" s="13">
        <v>9841</v>
      </c>
      <c r="J29" s="14">
        <v>4653</v>
      </c>
      <c r="K29" s="14">
        <v>5188</v>
      </c>
    </row>
    <row r="30" spans="1:11" ht="15" customHeight="1">
      <c r="A30" s="17" t="s">
        <v>57</v>
      </c>
      <c r="B30" s="17"/>
      <c r="C30" s="13">
        <v>1384</v>
      </c>
      <c r="D30" s="19">
        <v>712</v>
      </c>
      <c r="E30" s="19">
        <v>672</v>
      </c>
      <c r="F30" s="19"/>
      <c r="G30" s="18" t="s">
        <v>58</v>
      </c>
      <c r="H30" s="17"/>
      <c r="I30" s="13">
        <v>1766</v>
      </c>
      <c r="J30" s="19">
        <v>857</v>
      </c>
      <c r="K30" s="19">
        <v>909</v>
      </c>
    </row>
    <row r="31" spans="1:11" ht="15" customHeight="1">
      <c r="A31" s="17" t="s">
        <v>59</v>
      </c>
      <c r="B31" s="17"/>
      <c r="C31" s="13">
        <v>1388</v>
      </c>
      <c r="D31" s="19">
        <v>667</v>
      </c>
      <c r="E31" s="19">
        <v>721</v>
      </c>
      <c r="F31" s="19"/>
      <c r="G31" s="18" t="s">
        <v>60</v>
      </c>
      <c r="H31" s="17"/>
      <c r="I31" s="13">
        <v>1875</v>
      </c>
      <c r="J31" s="19">
        <v>895</v>
      </c>
      <c r="K31" s="19">
        <v>980</v>
      </c>
    </row>
    <row r="32" spans="1:11" ht="15" customHeight="1">
      <c r="A32" s="17" t="s">
        <v>61</v>
      </c>
      <c r="B32" s="17"/>
      <c r="C32" s="13">
        <v>1403</v>
      </c>
      <c r="D32" s="19">
        <v>702</v>
      </c>
      <c r="E32" s="19">
        <v>701</v>
      </c>
      <c r="F32" s="19"/>
      <c r="G32" s="18" t="s">
        <v>62</v>
      </c>
      <c r="H32" s="17"/>
      <c r="I32" s="13">
        <v>2112</v>
      </c>
      <c r="J32" s="19">
        <v>984</v>
      </c>
      <c r="K32" s="19">
        <v>1128</v>
      </c>
    </row>
    <row r="33" spans="1:11" ht="15" customHeight="1">
      <c r="A33" s="17" t="s">
        <v>63</v>
      </c>
      <c r="B33" s="17"/>
      <c r="C33" s="13">
        <v>1743</v>
      </c>
      <c r="D33" s="19">
        <v>944</v>
      </c>
      <c r="E33" s="19">
        <v>799</v>
      </c>
      <c r="F33" s="19"/>
      <c r="G33" s="18" t="s">
        <v>64</v>
      </c>
      <c r="H33" s="17"/>
      <c r="I33" s="13">
        <v>2075</v>
      </c>
      <c r="J33" s="19">
        <v>975</v>
      </c>
      <c r="K33" s="19">
        <v>1100</v>
      </c>
    </row>
    <row r="34" spans="1:11" ht="15" customHeight="1">
      <c r="A34" s="17" t="s">
        <v>65</v>
      </c>
      <c r="B34" s="17"/>
      <c r="C34" s="13">
        <v>1901</v>
      </c>
      <c r="D34" s="19">
        <v>1005</v>
      </c>
      <c r="E34" s="19">
        <v>896</v>
      </c>
      <c r="F34" s="19"/>
      <c r="G34" s="18" t="s">
        <v>66</v>
      </c>
      <c r="H34" s="17"/>
      <c r="I34" s="13">
        <v>2013</v>
      </c>
      <c r="J34" s="19">
        <v>942</v>
      </c>
      <c r="K34" s="19">
        <v>1071</v>
      </c>
    </row>
    <row r="35" spans="1:11" ht="20.100000000000001" customHeight="1">
      <c r="A35" s="17" t="s">
        <v>67</v>
      </c>
      <c r="B35" s="17"/>
      <c r="C35" s="13">
        <v>10901</v>
      </c>
      <c r="D35" s="14">
        <v>5786</v>
      </c>
      <c r="E35" s="14">
        <v>5115</v>
      </c>
      <c r="F35" s="14"/>
      <c r="G35" s="18" t="s">
        <v>68</v>
      </c>
      <c r="H35" s="17"/>
      <c r="I35" s="13">
        <v>6924</v>
      </c>
      <c r="J35" s="14">
        <v>3160</v>
      </c>
      <c r="K35" s="14">
        <v>3764</v>
      </c>
    </row>
    <row r="36" spans="1:11" ht="15" customHeight="1">
      <c r="A36" s="17" t="s">
        <v>69</v>
      </c>
      <c r="B36" s="17"/>
      <c r="C36" s="13">
        <v>2078</v>
      </c>
      <c r="D36" s="19">
        <v>1122</v>
      </c>
      <c r="E36" s="19">
        <v>956</v>
      </c>
      <c r="F36" s="19"/>
      <c r="G36" s="18" t="s">
        <v>70</v>
      </c>
      <c r="H36" s="17"/>
      <c r="I36" s="13">
        <v>1344</v>
      </c>
      <c r="J36" s="19">
        <v>652</v>
      </c>
      <c r="K36" s="19">
        <v>692</v>
      </c>
    </row>
    <row r="37" spans="1:11" ht="15" customHeight="1">
      <c r="A37" s="17" t="s">
        <v>71</v>
      </c>
      <c r="B37" s="17"/>
      <c r="C37" s="13">
        <v>2150</v>
      </c>
      <c r="D37" s="19">
        <v>1157</v>
      </c>
      <c r="E37" s="19">
        <v>993</v>
      </c>
      <c r="F37" s="19"/>
      <c r="G37" s="18" t="s">
        <v>72</v>
      </c>
      <c r="H37" s="17"/>
      <c r="I37" s="13">
        <v>1221</v>
      </c>
      <c r="J37" s="19">
        <v>579</v>
      </c>
      <c r="K37" s="19">
        <v>642</v>
      </c>
    </row>
    <row r="38" spans="1:11" ht="15" customHeight="1">
      <c r="A38" s="17" t="s">
        <v>73</v>
      </c>
      <c r="B38" s="17"/>
      <c r="C38" s="13">
        <v>2204</v>
      </c>
      <c r="D38" s="19">
        <v>1146</v>
      </c>
      <c r="E38" s="19">
        <v>1058</v>
      </c>
      <c r="F38" s="19"/>
      <c r="G38" s="18" t="s">
        <v>74</v>
      </c>
      <c r="H38" s="17"/>
      <c r="I38" s="13">
        <v>1483</v>
      </c>
      <c r="J38" s="19">
        <v>691</v>
      </c>
      <c r="K38" s="19">
        <v>792</v>
      </c>
    </row>
    <row r="39" spans="1:11" ht="15" customHeight="1">
      <c r="A39" s="17" t="s">
        <v>75</v>
      </c>
      <c r="B39" s="17"/>
      <c r="C39" s="13">
        <v>2259</v>
      </c>
      <c r="D39" s="19">
        <v>1200</v>
      </c>
      <c r="E39" s="19">
        <v>1059</v>
      </c>
      <c r="F39" s="19"/>
      <c r="G39" s="18" t="s">
        <v>76</v>
      </c>
      <c r="H39" s="17"/>
      <c r="I39" s="13">
        <v>1508</v>
      </c>
      <c r="J39" s="19">
        <v>626</v>
      </c>
      <c r="K39" s="19">
        <v>882</v>
      </c>
    </row>
    <row r="40" spans="1:11" ht="15" customHeight="1">
      <c r="A40" s="17" t="s">
        <v>77</v>
      </c>
      <c r="B40" s="17"/>
      <c r="C40" s="13">
        <v>2210</v>
      </c>
      <c r="D40" s="19">
        <v>1161</v>
      </c>
      <c r="E40" s="19">
        <v>1049</v>
      </c>
      <c r="F40" s="19"/>
      <c r="G40" s="18" t="s">
        <v>78</v>
      </c>
      <c r="H40" s="17"/>
      <c r="I40" s="13">
        <v>1368</v>
      </c>
      <c r="J40" s="19">
        <v>612</v>
      </c>
      <c r="K40" s="19">
        <v>756</v>
      </c>
    </row>
    <row r="41" spans="1:11" ht="20.100000000000001" customHeight="1">
      <c r="A41" s="17" t="s">
        <v>79</v>
      </c>
      <c r="B41" s="17"/>
      <c r="C41" s="13">
        <v>12024</v>
      </c>
      <c r="D41" s="14">
        <v>6371</v>
      </c>
      <c r="E41" s="14">
        <v>5653</v>
      </c>
      <c r="F41" s="14"/>
      <c r="G41" s="18" t="s">
        <v>80</v>
      </c>
      <c r="H41" s="17"/>
      <c r="I41" s="13">
        <v>5840</v>
      </c>
      <c r="J41" s="14">
        <v>2447</v>
      </c>
      <c r="K41" s="14">
        <v>3393</v>
      </c>
    </row>
    <row r="42" spans="1:11" ht="15" customHeight="1">
      <c r="A42" s="17" t="s">
        <v>81</v>
      </c>
      <c r="B42" s="17"/>
      <c r="C42" s="13">
        <v>2310</v>
      </c>
      <c r="D42" s="19">
        <v>1205</v>
      </c>
      <c r="E42" s="19">
        <v>1105</v>
      </c>
      <c r="F42" s="19"/>
      <c r="G42" s="18" t="s">
        <v>82</v>
      </c>
      <c r="H42" s="17"/>
      <c r="I42" s="13">
        <v>1443</v>
      </c>
      <c r="J42" s="19">
        <v>650</v>
      </c>
      <c r="K42" s="19">
        <v>793</v>
      </c>
    </row>
    <row r="43" spans="1:11" ht="15" customHeight="1">
      <c r="A43" s="17" t="s">
        <v>83</v>
      </c>
      <c r="B43" s="17"/>
      <c r="C43" s="13">
        <v>2427</v>
      </c>
      <c r="D43" s="19">
        <v>1264</v>
      </c>
      <c r="E43" s="19">
        <v>1163</v>
      </c>
      <c r="F43" s="19"/>
      <c r="G43" s="18" t="s">
        <v>84</v>
      </c>
      <c r="H43" s="17"/>
      <c r="I43" s="13">
        <v>1305</v>
      </c>
      <c r="J43" s="19">
        <v>574</v>
      </c>
      <c r="K43" s="19">
        <v>731</v>
      </c>
    </row>
    <row r="44" spans="1:11" ht="15" customHeight="1">
      <c r="A44" s="17" t="s">
        <v>85</v>
      </c>
      <c r="B44" s="17"/>
      <c r="C44" s="13">
        <v>2361</v>
      </c>
      <c r="D44" s="19">
        <v>1278</v>
      </c>
      <c r="E44" s="19">
        <v>1083</v>
      </c>
      <c r="F44" s="19"/>
      <c r="G44" s="18" t="s">
        <v>86</v>
      </c>
      <c r="H44" s="17"/>
      <c r="I44" s="13">
        <v>1099</v>
      </c>
      <c r="J44" s="19">
        <v>458</v>
      </c>
      <c r="K44" s="19">
        <v>641</v>
      </c>
    </row>
    <row r="45" spans="1:11" ht="15" customHeight="1">
      <c r="A45" s="17" t="s">
        <v>87</v>
      </c>
      <c r="B45" s="17"/>
      <c r="C45" s="13">
        <v>2430</v>
      </c>
      <c r="D45" s="19">
        <v>1266</v>
      </c>
      <c r="E45" s="19">
        <v>1164</v>
      </c>
      <c r="F45" s="19"/>
      <c r="G45" s="18" t="s">
        <v>88</v>
      </c>
      <c r="H45" s="17"/>
      <c r="I45" s="13">
        <v>957</v>
      </c>
      <c r="J45" s="19">
        <v>356</v>
      </c>
      <c r="K45" s="19">
        <v>601</v>
      </c>
    </row>
    <row r="46" spans="1:11" ht="15" customHeight="1">
      <c r="A46" s="17" t="s">
        <v>89</v>
      </c>
      <c r="B46" s="17"/>
      <c r="C46" s="13">
        <v>2496</v>
      </c>
      <c r="D46" s="19">
        <v>1358</v>
      </c>
      <c r="E46" s="19">
        <v>1138</v>
      </c>
      <c r="F46" s="19"/>
      <c r="G46" s="18" t="s">
        <v>90</v>
      </c>
      <c r="H46" s="17"/>
      <c r="I46" s="13">
        <v>1036</v>
      </c>
      <c r="J46" s="19">
        <v>409</v>
      </c>
      <c r="K46" s="19">
        <v>627</v>
      </c>
    </row>
    <row r="47" spans="1:11" ht="20.100000000000001" customHeight="1">
      <c r="A47" s="17" t="s">
        <v>91</v>
      </c>
      <c r="B47" s="17"/>
      <c r="C47" s="13">
        <v>13125</v>
      </c>
      <c r="D47" s="14">
        <v>7019</v>
      </c>
      <c r="E47" s="14">
        <v>6106</v>
      </c>
      <c r="F47" s="14"/>
      <c r="G47" s="18" t="s">
        <v>92</v>
      </c>
      <c r="H47" s="17"/>
      <c r="I47" s="13">
        <v>3819</v>
      </c>
      <c r="J47" s="14">
        <v>1272</v>
      </c>
      <c r="K47" s="14">
        <v>2547</v>
      </c>
    </row>
    <row r="48" spans="1:11" ht="15" customHeight="1">
      <c r="A48" s="17" t="s">
        <v>93</v>
      </c>
      <c r="B48" s="17"/>
      <c r="C48" s="13">
        <v>2522</v>
      </c>
      <c r="D48" s="19">
        <v>1335</v>
      </c>
      <c r="E48" s="19">
        <v>1187</v>
      </c>
      <c r="F48" s="19"/>
      <c r="G48" s="18" t="s">
        <v>94</v>
      </c>
      <c r="H48" s="17"/>
      <c r="I48" s="13">
        <v>875</v>
      </c>
      <c r="J48" s="19">
        <v>343</v>
      </c>
      <c r="K48" s="19">
        <v>532</v>
      </c>
    </row>
    <row r="49" spans="1:11" ht="15" customHeight="1">
      <c r="A49" s="17" t="s">
        <v>95</v>
      </c>
      <c r="B49" s="17"/>
      <c r="C49" s="13">
        <v>2616</v>
      </c>
      <c r="D49" s="19">
        <v>1398</v>
      </c>
      <c r="E49" s="19">
        <v>1218</v>
      </c>
      <c r="F49" s="19"/>
      <c r="G49" s="18" t="s">
        <v>96</v>
      </c>
      <c r="H49" s="17"/>
      <c r="I49" s="13">
        <v>819</v>
      </c>
      <c r="J49" s="19">
        <v>278</v>
      </c>
      <c r="K49" s="19">
        <v>541</v>
      </c>
    </row>
    <row r="50" spans="1:11" ht="15" customHeight="1">
      <c r="A50" s="17" t="s">
        <v>97</v>
      </c>
      <c r="B50" s="17"/>
      <c r="C50" s="13">
        <v>2629</v>
      </c>
      <c r="D50" s="19">
        <v>1421</v>
      </c>
      <c r="E50" s="19">
        <v>1208</v>
      </c>
      <c r="F50" s="19"/>
      <c r="G50" s="18" t="s">
        <v>98</v>
      </c>
      <c r="H50" s="17"/>
      <c r="I50" s="13">
        <v>749</v>
      </c>
      <c r="J50" s="19">
        <v>223</v>
      </c>
      <c r="K50" s="19">
        <v>526</v>
      </c>
    </row>
    <row r="51" spans="1:11" ht="15" customHeight="1">
      <c r="A51" s="17" t="s">
        <v>99</v>
      </c>
      <c r="B51" s="17"/>
      <c r="C51" s="13">
        <v>2703</v>
      </c>
      <c r="D51" s="19">
        <v>1440</v>
      </c>
      <c r="E51" s="19">
        <v>1263</v>
      </c>
      <c r="F51" s="19"/>
      <c r="G51" s="18" t="s">
        <v>100</v>
      </c>
      <c r="H51" s="17"/>
      <c r="I51" s="13">
        <v>695</v>
      </c>
      <c r="J51" s="19">
        <v>226</v>
      </c>
      <c r="K51" s="19">
        <v>469</v>
      </c>
    </row>
    <row r="52" spans="1:11" ht="15" customHeight="1">
      <c r="A52" s="17" t="s">
        <v>101</v>
      </c>
      <c r="B52" s="17"/>
      <c r="C52" s="13">
        <v>2655</v>
      </c>
      <c r="D52" s="19">
        <v>1425</v>
      </c>
      <c r="E52" s="19">
        <v>1230</v>
      </c>
      <c r="F52" s="19"/>
      <c r="G52" s="18" t="s">
        <v>102</v>
      </c>
      <c r="H52" s="17"/>
      <c r="I52" s="13">
        <v>681</v>
      </c>
      <c r="J52" s="19">
        <v>202</v>
      </c>
      <c r="K52" s="19">
        <v>479</v>
      </c>
    </row>
    <row r="53" spans="1:11" ht="20.100000000000001" customHeight="1">
      <c r="A53" s="17" t="s">
        <v>103</v>
      </c>
      <c r="B53" s="17"/>
      <c r="C53" s="13">
        <v>13532</v>
      </c>
      <c r="D53" s="14">
        <v>7078</v>
      </c>
      <c r="E53" s="14">
        <v>6454</v>
      </c>
      <c r="F53" s="14"/>
      <c r="G53" s="18" t="s">
        <v>104</v>
      </c>
      <c r="H53" s="17"/>
      <c r="I53" s="13">
        <v>1911</v>
      </c>
      <c r="J53" s="14">
        <v>518</v>
      </c>
      <c r="K53" s="14">
        <v>1393</v>
      </c>
    </row>
    <row r="54" spans="1:11" ht="15" customHeight="1">
      <c r="A54" s="17" t="s">
        <v>105</v>
      </c>
      <c r="B54" s="17"/>
      <c r="C54" s="13">
        <v>2596</v>
      </c>
      <c r="D54" s="19">
        <v>1326</v>
      </c>
      <c r="E54" s="19">
        <v>1270</v>
      </c>
      <c r="F54" s="19"/>
      <c r="G54" s="18" t="s">
        <v>106</v>
      </c>
      <c r="H54" s="17"/>
      <c r="I54" s="13">
        <v>528</v>
      </c>
      <c r="J54" s="19">
        <v>144</v>
      </c>
      <c r="K54" s="19">
        <v>384</v>
      </c>
    </row>
    <row r="55" spans="1:11" ht="15" customHeight="1">
      <c r="A55" s="17" t="s">
        <v>107</v>
      </c>
      <c r="B55" s="17"/>
      <c r="C55" s="13">
        <v>2587</v>
      </c>
      <c r="D55" s="19">
        <v>1354</v>
      </c>
      <c r="E55" s="19">
        <v>1233</v>
      </c>
      <c r="F55" s="19"/>
      <c r="G55" s="18" t="s">
        <v>108</v>
      </c>
      <c r="H55" s="17"/>
      <c r="I55" s="13">
        <v>452</v>
      </c>
      <c r="J55" s="19">
        <v>133</v>
      </c>
      <c r="K55" s="19">
        <v>319</v>
      </c>
    </row>
    <row r="56" spans="1:11" ht="15" customHeight="1">
      <c r="A56" s="17" t="s">
        <v>109</v>
      </c>
      <c r="B56" s="17"/>
      <c r="C56" s="13">
        <v>2779</v>
      </c>
      <c r="D56" s="19">
        <v>1512</v>
      </c>
      <c r="E56" s="19">
        <v>1267</v>
      </c>
      <c r="F56" s="19"/>
      <c r="G56" s="18" t="s">
        <v>110</v>
      </c>
      <c r="H56" s="17"/>
      <c r="I56" s="13">
        <v>381</v>
      </c>
      <c r="J56" s="19">
        <v>97</v>
      </c>
      <c r="K56" s="19">
        <v>284</v>
      </c>
    </row>
    <row r="57" spans="1:11" ht="15" customHeight="1">
      <c r="A57" s="17" t="s">
        <v>111</v>
      </c>
      <c r="B57" s="17"/>
      <c r="C57" s="13">
        <v>2765</v>
      </c>
      <c r="D57" s="19">
        <v>1443</v>
      </c>
      <c r="E57" s="19">
        <v>1322</v>
      </c>
      <c r="F57" s="19"/>
      <c r="G57" s="18" t="s">
        <v>112</v>
      </c>
      <c r="H57" s="17"/>
      <c r="I57" s="13">
        <v>340</v>
      </c>
      <c r="J57" s="19">
        <v>81</v>
      </c>
      <c r="K57" s="19">
        <v>259</v>
      </c>
    </row>
    <row r="58" spans="1:11" ht="15" customHeight="1">
      <c r="A58" s="17" t="s">
        <v>113</v>
      </c>
      <c r="B58" s="17"/>
      <c r="C58" s="13">
        <v>2805</v>
      </c>
      <c r="D58" s="19">
        <v>1443</v>
      </c>
      <c r="E58" s="19">
        <v>1362</v>
      </c>
      <c r="F58" s="19"/>
      <c r="G58" s="18" t="s">
        <v>114</v>
      </c>
      <c r="H58" s="17"/>
      <c r="I58" s="13">
        <v>210</v>
      </c>
      <c r="J58" s="19">
        <v>63</v>
      </c>
      <c r="K58" s="19">
        <v>147</v>
      </c>
    </row>
    <row r="59" spans="1:11" ht="20.100000000000001" customHeight="1">
      <c r="A59" s="17" t="s">
        <v>115</v>
      </c>
      <c r="B59" s="17"/>
      <c r="C59" s="13">
        <v>14687</v>
      </c>
      <c r="D59" s="14">
        <v>7836</v>
      </c>
      <c r="E59" s="14">
        <v>6851</v>
      </c>
      <c r="F59" s="14"/>
      <c r="G59" s="18" t="s">
        <v>116</v>
      </c>
      <c r="H59" s="17"/>
      <c r="I59" s="13">
        <v>542</v>
      </c>
      <c r="J59" s="14">
        <v>124</v>
      </c>
      <c r="K59" s="14">
        <v>418</v>
      </c>
    </row>
    <row r="60" spans="1:11" ht="15" customHeight="1">
      <c r="A60" s="17" t="s">
        <v>117</v>
      </c>
      <c r="B60" s="17"/>
      <c r="C60" s="13">
        <v>2911</v>
      </c>
      <c r="D60" s="19">
        <v>1530</v>
      </c>
      <c r="E60" s="19">
        <v>1381</v>
      </c>
      <c r="F60" s="19"/>
      <c r="G60" s="18" t="s">
        <v>118</v>
      </c>
      <c r="H60" s="17"/>
      <c r="I60" s="13">
        <v>195</v>
      </c>
      <c r="J60" s="19">
        <v>51</v>
      </c>
      <c r="K60" s="19">
        <v>144</v>
      </c>
    </row>
    <row r="61" spans="1:11" ht="15" customHeight="1">
      <c r="A61" s="17" t="s">
        <v>119</v>
      </c>
      <c r="B61" s="17"/>
      <c r="C61" s="13">
        <v>2883</v>
      </c>
      <c r="D61" s="19">
        <v>1541</v>
      </c>
      <c r="E61" s="19">
        <v>1342</v>
      </c>
      <c r="F61" s="19"/>
      <c r="G61" s="18" t="s">
        <v>120</v>
      </c>
      <c r="H61" s="17"/>
      <c r="I61" s="13">
        <v>138</v>
      </c>
      <c r="J61" s="19">
        <v>30</v>
      </c>
      <c r="K61" s="19">
        <v>108</v>
      </c>
    </row>
    <row r="62" spans="1:11" ht="15" customHeight="1">
      <c r="A62" s="17" t="s">
        <v>121</v>
      </c>
      <c r="B62" s="17"/>
      <c r="C62" s="13">
        <v>2949</v>
      </c>
      <c r="D62" s="19">
        <v>1581</v>
      </c>
      <c r="E62" s="19">
        <v>1368</v>
      </c>
      <c r="F62" s="19"/>
      <c r="G62" s="18" t="s">
        <v>122</v>
      </c>
      <c r="H62" s="17"/>
      <c r="I62" s="13">
        <v>87</v>
      </c>
      <c r="J62" s="19">
        <v>20</v>
      </c>
      <c r="K62" s="19">
        <v>67</v>
      </c>
    </row>
    <row r="63" spans="1:11" ht="15" customHeight="1">
      <c r="A63" s="17" t="s">
        <v>123</v>
      </c>
      <c r="B63" s="17"/>
      <c r="C63" s="13">
        <v>3007</v>
      </c>
      <c r="D63" s="19">
        <v>1636</v>
      </c>
      <c r="E63" s="19">
        <v>1371</v>
      </c>
      <c r="F63" s="19"/>
      <c r="G63" s="18" t="s">
        <v>124</v>
      </c>
      <c r="H63" s="17"/>
      <c r="I63" s="13">
        <v>69</v>
      </c>
      <c r="J63" s="19">
        <v>14</v>
      </c>
      <c r="K63" s="19">
        <v>55</v>
      </c>
    </row>
    <row r="64" spans="1:11" ht="15" customHeight="1">
      <c r="A64" s="17" t="s">
        <v>125</v>
      </c>
      <c r="B64" s="17"/>
      <c r="C64" s="13">
        <v>2937</v>
      </c>
      <c r="D64" s="19">
        <v>1548</v>
      </c>
      <c r="E64" s="19">
        <v>1389</v>
      </c>
      <c r="F64" s="19"/>
      <c r="G64" s="18" t="s">
        <v>126</v>
      </c>
      <c r="H64" s="17"/>
      <c r="I64" s="13">
        <v>53</v>
      </c>
      <c r="J64" s="19">
        <v>9</v>
      </c>
      <c r="K64" s="19">
        <v>44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95</v>
      </c>
      <c r="J65" s="19">
        <v>16</v>
      </c>
      <c r="K65" s="19">
        <v>79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1892</v>
      </c>
      <c r="J66" s="27">
        <v>685</v>
      </c>
      <c r="K66" s="27">
        <v>1207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5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64214</v>
      </c>
      <c r="D4" s="14">
        <v>133771</v>
      </c>
      <c r="E4" s="14">
        <v>13044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1929</v>
      </c>
      <c r="D5" s="14">
        <v>6079</v>
      </c>
      <c r="E5" s="14">
        <v>5850</v>
      </c>
      <c r="F5" s="14"/>
      <c r="G5" s="18" t="s">
        <v>8</v>
      </c>
      <c r="H5" s="17"/>
      <c r="I5" s="13">
        <v>21161</v>
      </c>
      <c r="J5" s="14">
        <v>11039</v>
      </c>
      <c r="K5" s="14">
        <v>10122</v>
      </c>
    </row>
    <row r="6" spans="1:11" ht="15" customHeight="1">
      <c r="A6" s="17" t="s">
        <v>9</v>
      </c>
      <c r="B6" s="17"/>
      <c r="C6" s="13">
        <v>2459</v>
      </c>
      <c r="D6" s="19">
        <v>1245</v>
      </c>
      <c r="E6" s="19">
        <v>1214</v>
      </c>
      <c r="F6" s="19"/>
      <c r="G6" s="18" t="s">
        <v>10</v>
      </c>
      <c r="H6" s="17"/>
      <c r="I6" s="13">
        <v>4360</v>
      </c>
      <c r="J6" s="19">
        <v>2163</v>
      </c>
      <c r="K6" s="19">
        <v>2197</v>
      </c>
    </row>
    <row r="7" spans="1:11" ht="15" customHeight="1">
      <c r="A7" s="17" t="s">
        <v>11</v>
      </c>
      <c r="B7" s="17"/>
      <c r="C7" s="13">
        <v>2349</v>
      </c>
      <c r="D7" s="19">
        <v>1193</v>
      </c>
      <c r="E7" s="19">
        <v>1156</v>
      </c>
      <c r="F7" s="19"/>
      <c r="G7" s="18" t="s">
        <v>12</v>
      </c>
      <c r="H7" s="17"/>
      <c r="I7" s="13">
        <v>4260</v>
      </c>
      <c r="J7" s="19">
        <v>2203</v>
      </c>
      <c r="K7" s="19">
        <v>2057</v>
      </c>
    </row>
    <row r="8" spans="1:11" ht="15" customHeight="1">
      <c r="A8" s="17" t="s">
        <v>13</v>
      </c>
      <c r="B8" s="17"/>
      <c r="C8" s="13">
        <v>2384</v>
      </c>
      <c r="D8" s="19">
        <v>1216</v>
      </c>
      <c r="E8" s="19">
        <v>1168</v>
      </c>
      <c r="F8" s="19"/>
      <c r="G8" s="18" t="s">
        <v>14</v>
      </c>
      <c r="H8" s="17"/>
      <c r="I8" s="13">
        <v>4254</v>
      </c>
      <c r="J8" s="19">
        <v>2222</v>
      </c>
      <c r="K8" s="19">
        <v>2032</v>
      </c>
    </row>
    <row r="9" spans="1:11" ht="15" customHeight="1">
      <c r="A9" s="17" t="s">
        <v>15</v>
      </c>
      <c r="B9" s="17"/>
      <c r="C9" s="13">
        <v>2315</v>
      </c>
      <c r="D9" s="19">
        <v>1191</v>
      </c>
      <c r="E9" s="19">
        <v>1124</v>
      </c>
      <c r="F9" s="19"/>
      <c r="G9" s="18" t="s">
        <v>16</v>
      </c>
      <c r="H9" s="17"/>
      <c r="I9" s="13">
        <v>4077</v>
      </c>
      <c r="J9" s="19">
        <v>2158</v>
      </c>
      <c r="K9" s="19">
        <v>1919</v>
      </c>
    </row>
    <row r="10" spans="1:11" ht="15" customHeight="1">
      <c r="A10" s="17" t="s">
        <v>17</v>
      </c>
      <c r="B10" s="17"/>
      <c r="C10" s="13">
        <v>2422</v>
      </c>
      <c r="D10" s="19">
        <v>1234</v>
      </c>
      <c r="E10" s="19">
        <v>1188</v>
      </c>
      <c r="F10" s="19"/>
      <c r="G10" s="18" t="s">
        <v>18</v>
      </c>
      <c r="H10" s="17"/>
      <c r="I10" s="13">
        <v>4210</v>
      </c>
      <c r="J10" s="19">
        <v>2293</v>
      </c>
      <c r="K10" s="19">
        <v>1917</v>
      </c>
    </row>
    <row r="11" spans="1:11" ht="20.100000000000001" customHeight="1">
      <c r="A11" s="17" t="s">
        <v>19</v>
      </c>
      <c r="B11" s="17"/>
      <c r="C11" s="13">
        <v>11373</v>
      </c>
      <c r="D11" s="14">
        <v>5852</v>
      </c>
      <c r="E11" s="14">
        <v>5521</v>
      </c>
      <c r="F11" s="14"/>
      <c r="G11" s="18" t="s">
        <v>20</v>
      </c>
      <c r="H11" s="17"/>
      <c r="I11" s="13">
        <v>15958</v>
      </c>
      <c r="J11" s="14">
        <v>8445</v>
      </c>
      <c r="K11" s="14">
        <v>7513</v>
      </c>
    </row>
    <row r="12" spans="1:11" ht="15" customHeight="1">
      <c r="A12" s="17" t="s">
        <v>21</v>
      </c>
      <c r="B12" s="17"/>
      <c r="C12" s="13">
        <v>2414</v>
      </c>
      <c r="D12" s="19">
        <v>1235</v>
      </c>
      <c r="E12" s="19">
        <v>1179</v>
      </c>
      <c r="F12" s="19"/>
      <c r="G12" s="18" t="s">
        <v>22</v>
      </c>
      <c r="H12" s="17"/>
      <c r="I12" s="13">
        <v>2923</v>
      </c>
      <c r="J12" s="19">
        <v>1527</v>
      </c>
      <c r="K12" s="19">
        <v>1396</v>
      </c>
    </row>
    <row r="13" spans="1:11" ht="15" customHeight="1">
      <c r="A13" s="17" t="s">
        <v>23</v>
      </c>
      <c r="B13" s="17"/>
      <c r="C13" s="13">
        <v>2333</v>
      </c>
      <c r="D13" s="19">
        <v>1191</v>
      </c>
      <c r="E13" s="19">
        <v>1142</v>
      </c>
      <c r="F13" s="19"/>
      <c r="G13" s="18" t="s">
        <v>24</v>
      </c>
      <c r="H13" s="17"/>
      <c r="I13" s="13">
        <v>3715</v>
      </c>
      <c r="J13" s="19">
        <v>1958</v>
      </c>
      <c r="K13" s="19">
        <v>1757</v>
      </c>
    </row>
    <row r="14" spans="1:11" ht="15" customHeight="1">
      <c r="A14" s="17" t="s">
        <v>25</v>
      </c>
      <c r="B14" s="17"/>
      <c r="C14" s="13">
        <v>2316</v>
      </c>
      <c r="D14" s="19">
        <v>1183</v>
      </c>
      <c r="E14" s="19">
        <v>1133</v>
      </c>
      <c r="F14" s="19"/>
      <c r="G14" s="18" t="s">
        <v>26</v>
      </c>
      <c r="H14" s="17"/>
      <c r="I14" s="13">
        <v>3371</v>
      </c>
      <c r="J14" s="19">
        <v>1778</v>
      </c>
      <c r="K14" s="19">
        <v>1593</v>
      </c>
    </row>
    <row r="15" spans="1:11" ht="15" customHeight="1">
      <c r="A15" s="17" t="s">
        <v>27</v>
      </c>
      <c r="B15" s="17"/>
      <c r="C15" s="13">
        <v>2182</v>
      </c>
      <c r="D15" s="19">
        <v>1128</v>
      </c>
      <c r="E15" s="19">
        <v>1054</v>
      </c>
      <c r="F15" s="19"/>
      <c r="G15" s="18" t="s">
        <v>28</v>
      </c>
      <c r="H15" s="17"/>
      <c r="I15" s="13">
        <v>3099</v>
      </c>
      <c r="J15" s="19">
        <v>1664</v>
      </c>
      <c r="K15" s="19">
        <v>1435</v>
      </c>
    </row>
    <row r="16" spans="1:11" ht="15" customHeight="1">
      <c r="A16" s="17" t="s">
        <v>29</v>
      </c>
      <c r="B16" s="17"/>
      <c r="C16" s="13">
        <v>2128</v>
      </c>
      <c r="D16" s="19">
        <v>1115</v>
      </c>
      <c r="E16" s="19">
        <v>1013</v>
      </c>
      <c r="F16" s="19"/>
      <c r="G16" s="18" t="s">
        <v>30</v>
      </c>
      <c r="H16" s="17"/>
      <c r="I16" s="13">
        <v>2850</v>
      </c>
      <c r="J16" s="19">
        <v>1518</v>
      </c>
      <c r="K16" s="19">
        <v>1332</v>
      </c>
    </row>
    <row r="17" spans="1:11" ht="20.100000000000001" customHeight="1">
      <c r="A17" s="20" t="s">
        <v>31</v>
      </c>
      <c r="B17" s="20"/>
      <c r="C17" s="13">
        <v>10315</v>
      </c>
      <c r="D17" s="14">
        <v>5270</v>
      </c>
      <c r="E17" s="14">
        <v>5045</v>
      </c>
      <c r="F17" s="14"/>
      <c r="G17" s="18" t="s">
        <v>32</v>
      </c>
      <c r="H17" s="17"/>
      <c r="I17" s="13">
        <v>11513</v>
      </c>
      <c r="J17" s="14">
        <v>6127</v>
      </c>
      <c r="K17" s="14">
        <v>5386</v>
      </c>
    </row>
    <row r="18" spans="1:11" ht="15" customHeight="1">
      <c r="A18" s="17" t="s">
        <v>33</v>
      </c>
      <c r="B18" s="17"/>
      <c r="C18" s="13">
        <v>2128</v>
      </c>
      <c r="D18" s="19">
        <v>1073</v>
      </c>
      <c r="E18" s="19">
        <v>1055</v>
      </c>
      <c r="F18" s="19"/>
      <c r="G18" s="18" t="s">
        <v>34</v>
      </c>
      <c r="H18" s="17"/>
      <c r="I18" s="13">
        <v>2566</v>
      </c>
      <c r="J18" s="19">
        <v>1347</v>
      </c>
      <c r="K18" s="19">
        <v>1219</v>
      </c>
    </row>
    <row r="19" spans="1:11" ht="15" customHeight="1">
      <c r="A19" s="17" t="s">
        <v>35</v>
      </c>
      <c r="B19" s="17"/>
      <c r="C19" s="13">
        <v>2096</v>
      </c>
      <c r="D19" s="19">
        <v>1051</v>
      </c>
      <c r="E19" s="19">
        <v>1045</v>
      </c>
      <c r="F19" s="19"/>
      <c r="G19" s="18" t="s">
        <v>36</v>
      </c>
      <c r="H19" s="17"/>
      <c r="I19" s="13">
        <v>2494</v>
      </c>
      <c r="J19" s="19">
        <v>1322</v>
      </c>
      <c r="K19" s="19">
        <v>1172</v>
      </c>
    </row>
    <row r="20" spans="1:11" ht="15" customHeight="1">
      <c r="A20" s="17" t="s">
        <v>37</v>
      </c>
      <c r="B20" s="17"/>
      <c r="C20" s="13">
        <v>2099</v>
      </c>
      <c r="D20" s="19">
        <v>1074</v>
      </c>
      <c r="E20" s="19">
        <v>1025</v>
      </c>
      <c r="F20" s="19"/>
      <c r="G20" s="18" t="s">
        <v>38</v>
      </c>
      <c r="H20" s="17"/>
      <c r="I20" s="13">
        <v>2243</v>
      </c>
      <c r="J20" s="19">
        <v>1229</v>
      </c>
      <c r="K20" s="19">
        <v>1014</v>
      </c>
    </row>
    <row r="21" spans="1:11" ht="15" customHeight="1">
      <c r="A21" s="17" t="s">
        <v>39</v>
      </c>
      <c r="B21" s="17"/>
      <c r="C21" s="13">
        <v>2025</v>
      </c>
      <c r="D21" s="19">
        <v>1044</v>
      </c>
      <c r="E21" s="19">
        <v>981</v>
      </c>
      <c r="F21" s="19"/>
      <c r="G21" s="18" t="s">
        <v>40</v>
      </c>
      <c r="H21" s="17"/>
      <c r="I21" s="13">
        <v>2238</v>
      </c>
      <c r="J21" s="19">
        <v>1205</v>
      </c>
      <c r="K21" s="19">
        <v>1033</v>
      </c>
    </row>
    <row r="22" spans="1:11" ht="15" customHeight="1">
      <c r="A22" s="17" t="s">
        <v>41</v>
      </c>
      <c r="B22" s="17"/>
      <c r="C22" s="13">
        <v>1967</v>
      </c>
      <c r="D22" s="19">
        <v>1028</v>
      </c>
      <c r="E22" s="19">
        <v>939</v>
      </c>
      <c r="F22" s="19"/>
      <c r="G22" s="18" t="s">
        <v>42</v>
      </c>
      <c r="H22" s="17"/>
      <c r="I22" s="13">
        <v>1972</v>
      </c>
      <c r="J22" s="19">
        <v>1024</v>
      </c>
      <c r="K22" s="19">
        <v>948</v>
      </c>
    </row>
    <row r="23" spans="1:11" ht="20.100000000000001" customHeight="1">
      <c r="A23" s="17" t="s">
        <v>43</v>
      </c>
      <c r="B23" s="17"/>
      <c r="C23" s="13">
        <v>9862</v>
      </c>
      <c r="D23" s="14">
        <v>5138</v>
      </c>
      <c r="E23" s="14">
        <v>4724</v>
      </c>
      <c r="F23" s="14"/>
      <c r="G23" s="18" t="s">
        <v>44</v>
      </c>
      <c r="H23" s="17"/>
      <c r="I23" s="13">
        <v>9436</v>
      </c>
      <c r="J23" s="14">
        <v>4856</v>
      </c>
      <c r="K23" s="14">
        <v>4580</v>
      </c>
    </row>
    <row r="24" spans="1:11" ht="15" customHeight="1">
      <c r="A24" s="17" t="s">
        <v>45</v>
      </c>
      <c r="B24" s="17"/>
      <c r="C24" s="13">
        <v>1965</v>
      </c>
      <c r="D24" s="19">
        <v>1024</v>
      </c>
      <c r="E24" s="19">
        <v>941</v>
      </c>
      <c r="F24" s="19"/>
      <c r="G24" s="18" t="s">
        <v>46</v>
      </c>
      <c r="H24" s="17"/>
      <c r="I24" s="13">
        <v>2019</v>
      </c>
      <c r="J24" s="19">
        <v>1065</v>
      </c>
      <c r="K24" s="19">
        <v>954</v>
      </c>
    </row>
    <row r="25" spans="1:11" ht="15" customHeight="1">
      <c r="A25" s="17" t="s">
        <v>47</v>
      </c>
      <c r="B25" s="17"/>
      <c r="C25" s="13">
        <v>1849</v>
      </c>
      <c r="D25" s="19">
        <v>962</v>
      </c>
      <c r="E25" s="19">
        <v>887</v>
      </c>
      <c r="F25" s="19"/>
      <c r="G25" s="18" t="s">
        <v>48</v>
      </c>
      <c r="H25" s="17"/>
      <c r="I25" s="13">
        <v>1879</v>
      </c>
      <c r="J25" s="19">
        <v>984</v>
      </c>
      <c r="K25" s="19">
        <v>895</v>
      </c>
    </row>
    <row r="26" spans="1:11" ht="15" customHeight="1">
      <c r="A26" s="17" t="s">
        <v>49</v>
      </c>
      <c r="B26" s="17"/>
      <c r="C26" s="13">
        <v>1967</v>
      </c>
      <c r="D26" s="19">
        <v>1020</v>
      </c>
      <c r="E26" s="19">
        <v>947</v>
      </c>
      <c r="F26" s="19"/>
      <c r="G26" s="18" t="s">
        <v>50</v>
      </c>
      <c r="H26" s="17"/>
      <c r="I26" s="13">
        <v>1804</v>
      </c>
      <c r="J26" s="19">
        <v>928</v>
      </c>
      <c r="K26" s="19">
        <v>876</v>
      </c>
    </row>
    <row r="27" spans="1:11" ht="15" customHeight="1">
      <c r="A27" s="17" t="s">
        <v>51</v>
      </c>
      <c r="B27" s="17"/>
      <c r="C27" s="13">
        <v>1946</v>
      </c>
      <c r="D27" s="19">
        <v>1007</v>
      </c>
      <c r="E27" s="19">
        <v>939</v>
      </c>
      <c r="F27" s="19"/>
      <c r="G27" s="18" t="s">
        <v>52</v>
      </c>
      <c r="H27" s="17"/>
      <c r="I27" s="13">
        <v>1820</v>
      </c>
      <c r="J27" s="19">
        <v>902</v>
      </c>
      <c r="K27" s="19">
        <v>918</v>
      </c>
    </row>
    <row r="28" spans="1:11" ht="15" customHeight="1">
      <c r="A28" s="17" t="s">
        <v>53</v>
      </c>
      <c r="B28" s="17"/>
      <c r="C28" s="13">
        <v>2135</v>
      </c>
      <c r="D28" s="19">
        <v>1125</v>
      </c>
      <c r="E28" s="19">
        <v>1010</v>
      </c>
      <c r="F28" s="19"/>
      <c r="G28" s="18" t="s">
        <v>54</v>
      </c>
      <c r="H28" s="17"/>
      <c r="I28" s="13">
        <v>1914</v>
      </c>
      <c r="J28" s="19">
        <v>977</v>
      </c>
      <c r="K28" s="19">
        <v>937</v>
      </c>
    </row>
    <row r="29" spans="1:11" ht="20.100000000000001" customHeight="1">
      <c r="A29" s="17" t="s">
        <v>55</v>
      </c>
      <c r="B29" s="17"/>
      <c r="C29" s="13">
        <v>15956</v>
      </c>
      <c r="D29" s="14">
        <v>7968</v>
      </c>
      <c r="E29" s="14">
        <v>7988</v>
      </c>
      <c r="F29" s="14"/>
      <c r="G29" s="18" t="s">
        <v>56</v>
      </c>
      <c r="H29" s="17"/>
      <c r="I29" s="13">
        <v>10544</v>
      </c>
      <c r="J29" s="14">
        <v>5121</v>
      </c>
      <c r="K29" s="14">
        <v>5423</v>
      </c>
    </row>
    <row r="30" spans="1:11" ht="15" customHeight="1">
      <c r="A30" s="17" t="s">
        <v>57</v>
      </c>
      <c r="B30" s="17"/>
      <c r="C30" s="13">
        <v>2348</v>
      </c>
      <c r="D30" s="19">
        <v>1250</v>
      </c>
      <c r="E30" s="19">
        <v>1098</v>
      </c>
      <c r="F30" s="19"/>
      <c r="G30" s="18" t="s">
        <v>58</v>
      </c>
      <c r="H30" s="17"/>
      <c r="I30" s="13">
        <v>1916</v>
      </c>
      <c r="J30" s="19">
        <v>904</v>
      </c>
      <c r="K30" s="19">
        <v>1012</v>
      </c>
    </row>
    <row r="31" spans="1:11" ht="15" customHeight="1">
      <c r="A31" s="17" t="s">
        <v>59</v>
      </c>
      <c r="B31" s="17"/>
      <c r="C31" s="13">
        <v>2720</v>
      </c>
      <c r="D31" s="19">
        <v>1387</v>
      </c>
      <c r="E31" s="19">
        <v>1333</v>
      </c>
      <c r="F31" s="19"/>
      <c r="G31" s="18" t="s">
        <v>60</v>
      </c>
      <c r="H31" s="17"/>
      <c r="I31" s="13">
        <v>2154</v>
      </c>
      <c r="J31" s="19">
        <v>1080</v>
      </c>
      <c r="K31" s="19">
        <v>1074</v>
      </c>
    </row>
    <row r="32" spans="1:11" ht="15" customHeight="1">
      <c r="A32" s="17" t="s">
        <v>61</v>
      </c>
      <c r="B32" s="17"/>
      <c r="C32" s="13">
        <v>2922</v>
      </c>
      <c r="D32" s="19">
        <v>1396</v>
      </c>
      <c r="E32" s="19">
        <v>1526</v>
      </c>
      <c r="F32" s="19"/>
      <c r="G32" s="18" t="s">
        <v>62</v>
      </c>
      <c r="H32" s="17"/>
      <c r="I32" s="13">
        <v>2240</v>
      </c>
      <c r="J32" s="19">
        <v>1071</v>
      </c>
      <c r="K32" s="19">
        <v>1169</v>
      </c>
    </row>
    <row r="33" spans="1:11" ht="15" customHeight="1">
      <c r="A33" s="17" t="s">
        <v>63</v>
      </c>
      <c r="B33" s="17"/>
      <c r="C33" s="13">
        <v>3803</v>
      </c>
      <c r="D33" s="19">
        <v>1836</v>
      </c>
      <c r="E33" s="19">
        <v>1967</v>
      </c>
      <c r="F33" s="19"/>
      <c r="G33" s="18" t="s">
        <v>64</v>
      </c>
      <c r="H33" s="17"/>
      <c r="I33" s="13">
        <v>2231</v>
      </c>
      <c r="J33" s="19">
        <v>1090</v>
      </c>
      <c r="K33" s="19">
        <v>1141</v>
      </c>
    </row>
    <row r="34" spans="1:11" ht="15" customHeight="1">
      <c r="A34" s="17" t="s">
        <v>65</v>
      </c>
      <c r="B34" s="17"/>
      <c r="C34" s="13">
        <v>4163</v>
      </c>
      <c r="D34" s="19">
        <v>2099</v>
      </c>
      <c r="E34" s="19">
        <v>2064</v>
      </c>
      <c r="F34" s="19"/>
      <c r="G34" s="18" t="s">
        <v>66</v>
      </c>
      <c r="H34" s="17"/>
      <c r="I34" s="13">
        <v>2003</v>
      </c>
      <c r="J34" s="19">
        <v>976</v>
      </c>
      <c r="K34" s="19">
        <v>1027</v>
      </c>
    </row>
    <row r="35" spans="1:11" ht="20.100000000000001" customHeight="1">
      <c r="A35" s="17" t="s">
        <v>67</v>
      </c>
      <c r="B35" s="17"/>
      <c r="C35" s="13">
        <v>22595</v>
      </c>
      <c r="D35" s="14">
        <v>11583</v>
      </c>
      <c r="E35" s="14">
        <v>11012</v>
      </c>
      <c r="F35" s="14"/>
      <c r="G35" s="18" t="s">
        <v>68</v>
      </c>
      <c r="H35" s="17"/>
      <c r="I35" s="13">
        <v>7246</v>
      </c>
      <c r="J35" s="14">
        <v>3271</v>
      </c>
      <c r="K35" s="14">
        <v>3975</v>
      </c>
    </row>
    <row r="36" spans="1:11" ht="15" customHeight="1">
      <c r="A36" s="17" t="s">
        <v>69</v>
      </c>
      <c r="B36" s="17"/>
      <c r="C36" s="13">
        <v>4464</v>
      </c>
      <c r="D36" s="19">
        <v>2313</v>
      </c>
      <c r="E36" s="19">
        <v>2151</v>
      </c>
      <c r="F36" s="19"/>
      <c r="G36" s="18" t="s">
        <v>70</v>
      </c>
      <c r="H36" s="17"/>
      <c r="I36" s="13">
        <v>1443</v>
      </c>
      <c r="J36" s="19">
        <v>664</v>
      </c>
      <c r="K36" s="19">
        <v>779</v>
      </c>
    </row>
    <row r="37" spans="1:11" ht="15" customHeight="1">
      <c r="A37" s="17" t="s">
        <v>71</v>
      </c>
      <c r="B37" s="17"/>
      <c r="C37" s="13">
        <v>4518</v>
      </c>
      <c r="D37" s="19">
        <v>2326</v>
      </c>
      <c r="E37" s="19">
        <v>2192</v>
      </c>
      <c r="F37" s="19"/>
      <c r="G37" s="18" t="s">
        <v>72</v>
      </c>
      <c r="H37" s="17"/>
      <c r="I37" s="13">
        <v>1274</v>
      </c>
      <c r="J37" s="19">
        <v>564</v>
      </c>
      <c r="K37" s="19">
        <v>710</v>
      </c>
    </row>
    <row r="38" spans="1:11" ht="15" customHeight="1">
      <c r="A38" s="17" t="s">
        <v>73</v>
      </c>
      <c r="B38" s="17"/>
      <c r="C38" s="13">
        <v>4584</v>
      </c>
      <c r="D38" s="19">
        <v>2322</v>
      </c>
      <c r="E38" s="19">
        <v>2262</v>
      </c>
      <c r="F38" s="19"/>
      <c r="G38" s="18" t="s">
        <v>74</v>
      </c>
      <c r="H38" s="17"/>
      <c r="I38" s="13">
        <v>1485</v>
      </c>
      <c r="J38" s="19">
        <v>677</v>
      </c>
      <c r="K38" s="19">
        <v>808</v>
      </c>
    </row>
    <row r="39" spans="1:11" ht="15" customHeight="1">
      <c r="A39" s="17" t="s">
        <v>75</v>
      </c>
      <c r="B39" s="17"/>
      <c r="C39" s="13">
        <v>4523</v>
      </c>
      <c r="D39" s="19">
        <v>2293</v>
      </c>
      <c r="E39" s="19">
        <v>2230</v>
      </c>
      <c r="F39" s="19"/>
      <c r="G39" s="18" t="s">
        <v>76</v>
      </c>
      <c r="H39" s="17"/>
      <c r="I39" s="13">
        <v>1601</v>
      </c>
      <c r="J39" s="19">
        <v>741</v>
      </c>
      <c r="K39" s="19">
        <v>860</v>
      </c>
    </row>
    <row r="40" spans="1:11" ht="15" customHeight="1">
      <c r="A40" s="17" t="s">
        <v>77</v>
      </c>
      <c r="B40" s="17"/>
      <c r="C40" s="13">
        <v>4506</v>
      </c>
      <c r="D40" s="19">
        <v>2329</v>
      </c>
      <c r="E40" s="19">
        <v>2177</v>
      </c>
      <c r="F40" s="19"/>
      <c r="G40" s="18" t="s">
        <v>78</v>
      </c>
      <c r="H40" s="17"/>
      <c r="I40" s="13">
        <v>1443</v>
      </c>
      <c r="J40" s="19">
        <v>625</v>
      </c>
      <c r="K40" s="19">
        <v>818</v>
      </c>
    </row>
    <row r="41" spans="1:11" ht="20.100000000000001" customHeight="1">
      <c r="A41" s="17" t="s">
        <v>79</v>
      </c>
      <c r="B41" s="17"/>
      <c r="C41" s="13">
        <v>21222</v>
      </c>
      <c r="D41" s="14">
        <v>10702</v>
      </c>
      <c r="E41" s="14">
        <v>10520</v>
      </c>
      <c r="F41" s="14"/>
      <c r="G41" s="18" t="s">
        <v>80</v>
      </c>
      <c r="H41" s="17"/>
      <c r="I41" s="13">
        <v>5864</v>
      </c>
      <c r="J41" s="14">
        <v>2352</v>
      </c>
      <c r="K41" s="14">
        <v>3512</v>
      </c>
    </row>
    <row r="42" spans="1:11" ht="15" customHeight="1">
      <c r="A42" s="17" t="s">
        <v>81</v>
      </c>
      <c r="B42" s="17"/>
      <c r="C42" s="13">
        <v>4313</v>
      </c>
      <c r="D42" s="19">
        <v>2241</v>
      </c>
      <c r="E42" s="19">
        <v>2072</v>
      </c>
      <c r="F42" s="19"/>
      <c r="G42" s="18" t="s">
        <v>82</v>
      </c>
      <c r="H42" s="17"/>
      <c r="I42" s="13">
        <v>1467</v>
      </c>
      <c r="J42" s="19">
        <v>640</v>
      </c>
      <c r="K42" s="19">
        <v>827</v>
      </c>
    </row>
    <row r="43" spans="1:11" ht="15" customHeight="1">
      <c r="A43" s="17" t="s">
        <v>83</v>
      </c>
      <c r="B43" s="17"/>
      <c r="C43" s="13">
        <v>4115</v>
      </c>
      <c r="D43" s="19">
        <v>2057</v>
      </c>
      <c r="E43" s="19">
        <v>2058</v>
      </c>
      <c r="F43" s="19"/>
      <c r="G43" s="18" t="s">
        <v>84</v>
      </c>
      <c r="H43" s="17"/>
      <c r="I43" s="13">
        <v>1204</v>
      </c>
      <c r="J43" s="19">
        <v>504</v>
      </c>
      <c r="K43" s="19">
        <v>700</v>
      </c>
    </row>
    <row r="44" spans="1:11" ht="15" customHeight="1">
      <c r="A44" s="17" t="s">
        <v>85</v>
      </c>
      <c r="B44" s="17"/>
      <c r="C44" s="13">
        <v>4176</v>
      </c>
      <c r="D44" s="19">
        <v>2085</v>
      </c>
      <c r="E44" s="19">
        <v>2091</v>
      </c>
      <c r="F44" s="19"/>
      <c r="G44" s="18" t="s">
        <v>86</v>
      </c>
      <c r="H44" s="17"/>
      <c r="I44" s="13">
        <v>1120</v>
      </c>
      <c r="J44" s="19">
        <v>441</v>
      </c>
      <c r="K44" s="19">
        <v>679</v>
      </c>
    </row>
    <row r="45" spans="1:11" ht="15" customHeight="1">
      <c r="A45" s="17" t="s">
        <v>87</v>
      </c>
      <c r="B45" s="17"/>
      <c r="C45" s="13">
        <v>4344</v>
      </c>
      <c r="D45" s="19">
        <v>2202</v>
      </c>
      <c r="E45" s="19">
        <v>2142</v>
      </c>
      <c r="F45" s="19"/>
      <c r="G45" s="18" t="s">
        <v>88</v>
      </c>
      <c r="H45" s="17"/>
      <c r="I45" s="13">
        <v>992</v>
      </c>
      <c r="J45" s="19">
        <v>390</v>
      </c>
      <c r="K45" s="19">
        <v>602</v>
      </c>
    </row>
    <row r="46" spans="1:11" ht="15" customHeight="1">
      <c r="A46" s="17" t="s">
        <v>89</v>
      </c>
      <c r="B46" s="17"/>
      <c r="C46" s="13">
        <v>4274</v>
      </c>
      <c r="D46" s="19">
        <v>2117</v>
      </c>
      <c r="E46" s="19">
        <v>2157</v>
      </c>
      <c r="F46" s="19"/>
      <c r="G46" s="18" t="s">
        <v>90</v>
      </c>
      <c r="H46" s="17"/>
      <c r="I46" s="13">
        <v>1081</v>
      </c>
      <c r="J46" s="19">
        <v>377</v>
      </c>
      <c r="K46" s="19">
        <v>704</v>
      </c>
    </row>
    <row r="47" spans="1:11" ht="20.100000000000001" customHeight="1">
      <c r="A47" s="17" t="s">
        <v>91</v>
      </c>
      <c r="B47" s="17"/>
      <c r="C47" s="13">
        <v>21583</v>
      </c>
      <c r="D47" s="14">
        <v>11183</v>
      </c>
      <c r="E47" s="14">
        <v>10400</v>
      </c>
      <c r="F47" s="14"/>
      <c r="G47" s="18" t="s">
        <v>92</v>
      </c>
      <c r="H47" s="17"/>
      <c r="I47" s="13">
        <v>4033</v>
      </c>
      <c r="J47" s="14">
        <v>1390</v>
      </c>
      <c r="K47" s="14">
        <v>2643</v>
      </c>
    </row>
    <row r="48" spans="1:11" ht="15" customHeight="1">
      <c r="A48" s="17" t="s">
        <v>93</v>
      </c>
      <c r="B48" s="17"/>
      <c r="C48" s="13">
        <v>4307</v>
      </c>
      <c r="D48" s="19">
        <v>2167</v>
      </c>
      <c r="E48" s="19">
        <v>2140</v>
      </c>
      <c r="F48" s="19"/>
      <c r="G48" s="18" t="s">
        <v>94</v>
      </c>
      <c r="H48" s="17"/>
      <c r="I48" s="13">
        <v>961</v>
      </c>
      <c r="J48" s="19">
        <v>384</v>
      </c>
      <c r="K48" s="19">
        <v>577</v>
      </c>
    </row>
    <row r="49" spans="1:11" ht="15" customHeight="1">
      <c r="A49" s="17" t="s">
        <v>95</v>
      </c>
      <c r="B49" s="17"/>
      <c r="C49" s="13">
        <v>4287</v>
      </c>
      <c r="D49" s="19">
        <v>2245</v>
      </c>
      <c r="E49" s="19">
        <v>2042</v>
      </c>
      <c r="F49" s="19"/>
      <c r="G49" s="18" t="s">
        <v>96</v>
      </c>
      <c r="H49" s="17"/>
      <c r="I49" s="13">
        <v>934</v>
      </c>
      <c r="J49" s="19">
        <v>320</v>
      </c>
      <c r="K49" s="19">
        <v>614</v>
      </c>
    </row>
    <row r="50" spans="1:11" ht="15" customHeight="1">
      <c r="A50" s="17" t="s">
        <v>97</v>
      </c>
      <c r="B50" s="17"/>
      <c r="C50" s="13">
        <v>4444</v>
      </c>
      <c r="D50" s="19">
        <v>2326</v>
      </c>
      <c r="E50" s="19">
        <v>2118</v>
      </c>
      <c r="F50" s="19"/>
      <c r="G50" s="18" t="s">
        <v>98</v>
      </c>
      <c r="H50" s="17"/>
      <c r="I50" s="13">
        <v>782</v>
      </c>
      <c r="J50" s="19">
        <v>258</v>
      </c>
      <c r="K50" s="19">
        <v>524</v>
      </c>
    </row>
    <row r="51" spans="1:11" ht="15" customHeight="1">
      <c r="A51" s="17" t="s">
        <v>99</v>
      </c>
      <c r="B51" s="17"/>
      <c r="C51" s="13">
        <v>4379</v>
      </c>
      <c r="D51" s="19">
        <v>2270</v>
      </c>
      <c r="E51" s="19">
        <v>2109</v>
      </c>
      <c r="F51" s="19"/>
      <c r="G51" s="18" t="s">
        <v>100</v>
      </c>
      <c r="H51" s="17"/>
      <c r="I51" s="13">
        <v>709</v>
      </c>
      <c r="J51" s="19">
        <v>229</v>
      </c>
      <c r="K51" s="19">
        <v>480</v>
      </c>
    </row>
    <row r="52" spans="1:11" ht="15" customHeight="1">
      <c r="A52" s="17" t="s">
        <v>101</v>
      </c>
      <c r="B52" s="17"/>
      <c r="C52" s="13">
        <v>4166</v>
      </c>
      <c r="D52" s="19">
        <v>2175</v>
      </c>
      <c r="E52" s="19">
        <v>1991</v>
      </c>
      <c r="F52" s="19"/>
      <c r="G52" s="18" t="s">
        <v>102</v>
      </c>
      <c r="H52" s="17"/>
      <c r="I52" s="13">
        <v>647</v>
      </c>
      <c r="J52" s="19">
        <v>199</v>
      </c>
      <c r="K52" s="19">
        <v>448</v>
      </c>
    </row>
    <row r="53" spans="1:11" ht="20.100000000000001" customHeight="1">
      <c r="A53" s="17" t="s">
        <v>103</v>
      </c>
      <c r="B53" s="17"/>
      <c r="C53" s="13">
        <v>20823</v>
      </c>
      <c r="D53" s="14">
        <v>10568</v>
      </c>
      <c r="E53" s="14">
        <v>10255</v>
      </c>
      <c r="F53" s="14"/>
      <c r="G53" s="18" t="s">
        <v>104</v>
      </c>
      <c r="H53" s="17"/>
      <c r="I53" s="13">
        <v>2076</v>
      </c>
      <c r="J53" s="14">
        <v>566</v>
      </c>
      <c r="K53" s="14">
        <v>1510</v>
      </c>
    </row>
    <row r="54" spans="1:11" ht="15" customHeight="1">
      <c r="A54" s="17" t="s">
        <v>105</v>
      </c>
      <c r="B54" s="17"/>
      <c r="C54" s="13">
        <v>4081</v>
      </c>
      <c r="D54" s="19">
        <v>2091</v>
      </c>
      <c r="E54" s="19">
        <v>1990</v>
      </c>
      <c r="F54" s="19"/>
      <c r="G54" s="18" t="s">
        <v>106</v>
      </c>
      <c r="H54" s="17"/>
      <c r="I54" s="13">
        <v>542</v>
      </c>
      <c r="J54" s="19">
        <v>165</v>
      </c>
      <c r="K54" s="19">
        <v>377</v>
      </c>
    </row>
    <row r="55" spans="1:11" ht="15" customHeight="1">
      <c r="A55" s="17" t="s">
        <v>107</v>
      </c>
      <c r="B55" s="17"/>
      <c r="C55" s="13">
        <v>4124</v>
      </c>
      <c r="D55" s="19">
        <v>2058</v>
      </c>
      <c r="E55" s="19">
        <v>2066</v>
      </c>
      <c r="F55" s="19"/>
      <c r="G55" s="18" t="s">
        <v>108</v>
      </c>
      <c r="H55" s="17"/>
      <c r="I55" s="13">
        <v>480</v>
      </c>
      <c r="J55" s="19">
        <v>146</v>
      </c>
      <c r="K55" s="19">
        <v>334</v>
      </c>
    </row>
    <row r="56" spans="1:11" ht="15" customHeight="1">
      <c r="A56" s="17" t="s">
        <v>109</v>
      </c>
      <c r="B56" s="17"/>
      <c r="C56" s="13">
        <v>4087</v>
      </c>
      <c r="D56" s="19">
        <v>2083</v>
      </c>
      <c r="E56" s="19">
        <v>2004</v>
      </c>
      <c r="F56" s="19"/>
      <c r="G56" s="18" t="s">
        <v>110</v>
      </c>
      <c r="H56" s="17"/>
      <c r="I56" s="13">
        <v>430</v>
      </c>
      <c r="J56" s="19">
        <v>121</v>
      </c>
      <c r="K56" s="19">
        <v>309</v>
      </c>
    </row>
    <row r="57" spans="1:11" ht="15" customHeight="1">
      <c r="A57" s="17" t="s">
        <v>111</v>
      </c>
      <c r="B57" s="17"/>
      <c r="C57" s="13">
        <v>4279</v>
      </c>
      <c r="D57" s="19">
        <v>2144</v>
      </c>
      <c r="E57" s="19">
        <v>2135</v>
      </c>
      <c r="F57" s="19"/>
      <c r="G57" s="18" t="s">
        <v>112</v>
      </c>
      <c r="H57" s="17"/>
      <c r="I57" s="13">
        <v>359</v>
      </c>
      <c r="J57" s="19">
        <v>77</v>
      </c>
      <c r="K57" s="19">
        <v>282</v>
      </c>
    </row>
    <row r="58" spans="1:11" ht="15" customHeight="1">
      <c r="A58" s="17" t="s">
        <v>113</v>
      </c>
      <c r="B58" s="17"/>
      <c r="C58" s="13">
        <v>4252</v>
      </c>
      <c r="D58" s="19">
        <v>2192</v>
      </c>
      <c r="E58" s="19">
        <v>2060</v>
      </c>
      <c r="F58" s="19"/>
      <c r="G58" s="18" t="s">
        <v>114</v>
      </c>
      <c r="H58" s="17"/>
      <c r="I58" s="13">
        <v>265</v>
      </c>
      <c r="J58" s="19">
        <v>57</v>
      </c>
      <c r="K58" s="19">
        <v>208</v>
      </c>
    </row>
    <row r="59" spans="1:11" ht="20.100000000000001" customHeight="1">
      <c r="A59" s="17" t="s">
        <v>115</v>
      </c>
      <c r="B59" s="17"/>
      <c r="C59" s="13">
        <v>22815</v>
      </c>
      <c r="D59" s="14">
        <v>11747</v>
      </c>
      <c r="E59" s="14">
        <v>11068</v>
      </c>
      <c r="F59" s="14"/>
      <c r="G59" s="18" t="s">
        <v>116</v>
      </c>
      <c r="H59" s="17"/>
      <c r="I59" s="13">
        <v>564</v>
      </c>
      <c r="J59" s="14">
        <v>140</v>
      </c>
      <c r="K59" s="14">
        <v>424</v>
      </c>
    </row>
    <row r="60" spans="1:11" ht="15" customHeight="1">
      <c r="A60" s="17" t="s">
        <v>117</v>
      </c>
      <c r="B60" s="17"/>
      <c r="C60" s="13">
        <v>4460</v>
      </c>
      <c r="D60" s="19">
        <v>2336</v>
      </c>
      <c r="E60" s="19">
        <v>2124</v>
      </c>
      <c r="F60" s="19"/>
      <c r="G60" s="18" t="s">
        <v>118</v>
      </c>
      <c r="H60" s="17"/>
      <c r="I60" s="13">
        <v>196</v>
      </c>
      <c r="J60" s="19">
        <v>60</v>
      </c>
      <c r="K60" s="19">
        <v>136</v>
      </c>
    </row>
    <row r="61" spans="1:11" ht="15" customHeight="1">
      <c r="A61" s="17" t="s">
        <v>119</v>
      </c>
      <c r="B61" s="17"/>
      <c r="C61" s="13">
        <v>4445</v>
      </c>
      <c r="D61" s="19">
        <v>2272</v>
      </c>
      <c r="E61" s="19">
        <v>2173</v>
      </c>
      <c r="F61" s="19"/>
      <c r="G61" s="18" t="s">
        <v>120</v>
      </c>
      <c r="H61" s="17"/>
      <c r="I61" s="13">
        <v>137</v>
      </c>
      <c r="J61" s="19">
        <v>37</v>
      </c>
      <c r="K61" s="19">
        <v>100</v>
      </c>
    </row>
    <row r="62" spans="1:11" ht="15" customHeight="1">
      <c r="A62" s="17" t="s">
        <v>121</v>
      </c>
      <c r="B62" s="17"/>
      <c r="C62" s="13">
        <v>4742</v>
      </c>
      <c r="D62" s="19">
        <v>2448</v>
      </c>
      <c r="E62" s="19">
        <v>2294</v>
      </c>
      <c r="F62" s="19"/>
      <c r="G62" s="18" t="s">
        <v>122</v>
      </c>
      <c r="H62" s="17"/>
      <c r="I62" s="13">
        <v>111</v>
      </c>
      <c r="J62" s="19">
        <v>21</v>
      </c>
      <c r="K62" s="19">
        <v>90</v>
      </c>
    </row>
    <row r="63" spans="1:11" ht="15" customHeight="1">
      <c r="A63" s="17" t="s">
        <v>123</v>
      </c>
      <c r="B63" s="17"/>
      <c r="C63" s="13">
        <v>4654</v>
      </c>
      <c r="D63" s="19">
        <v>2443</v>
      </c>
      <c r="E63" s="19">
        <v>2211</v>
      </c>
      <c r="F63" s="19"/>
      <c r="G63" s="18" t="s">
        <v>124</v>
      </c>
      <c r="H63" s="17"/>
      <c r="I63" s="13">
        <v>66</v>
      </c>
      <c r="J63" s="19">
        <v>11</v>
      </c>
      <c r="K63" s="19">
        <v>55</v>
      </c>
    </row>
    <row r="64" spans="1:11" ht="15" customHeight="1">
      <c r="A64" s="17" t="s">
        <v>125</v>
      </c>
      <c r="B64" s="17"/>
      <c r="C64" s="13">
        <v>4514</v>
      </c>
      <c r="D64" s="19">
        <v>2248</v>
      </c>
      <c r="E64" s="19">
        <v>2266</v>
      </c>
      <c r="F64" s="19"/>
      <c r="G64" s="18" t="s">
        <v>126</v>
      </c>
      <c r="H64" s="17"/>
      <c r="I64" s="13">
        <v>54</v>
      </c>
      <c r="J64" s="19">
        <v>11</v>
      </c>
      <c r="K64" s="19">
        <v>43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90</v>
      </c>
      <c r="J65" s="19">
        <v>8</v>
      </c>
      <c r="K65" s="19">
        <v>82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7256</v>
      </c>
      <c r="J66" s="27">
        <v>4366</v>
      </c>
      <c r="K66" s="27">
        <v>2890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6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34478</v>
      </c>
      <c r="D4" s="14">
        <v>116257</v>
      </c>
      <c r="E4" s="14">
        <v>118221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460</v>
      </c>
      <c r="D5" s="14">
        <v>4762</v>
      </c>
      <c r="E5" s="14">
        <v>4698</v>
      </c>
      <c r="F5" s="14"/>
      <c r="G5" s="18" t="s">
        <v>8</v>
      </c>
      <c r="H5" s="17"/>
      <c r="I5" s="13">
        <v>19457</v>
      </c>
      <c r="J5" s="14">
        <v>10126</v>
      </c>
      <c r="K5" s="14">
        <v>9331</v>
      </c>
    </row>
    <row r="6" spans="1:11" ht="15" customHeight="1">
      <c r="A6" s="17" t="s">
        <v>9</v>
      </c>
      <c r="B6" s="17"/>
      <c r="C6" s="13">
        <v>1863</v>
      </c>
      <c r="D6" s="19">
        <v>936</v>
      </c>
      <c r="E6" s="19">
        <v>927</v>
      </c>
      <c r="F6" s="19"/>
      <c r="G6" s="18" t="s">
        <v>10</v>
      </c>
      <c r="H6" s="17"/>
      <c r="I6" s="13">
        <v>4018</v>
      </c>
      <c r="J6" s="19">
        <v>2018</v>
      </c>
      <c r="K6" s="19">
        <v>2000</v>
      </c>
    </row>
    <row r="7" spans="1:11" ht="15" customHeight="1">
      <c r="A7" s="17" t="s">
        <v>11</v>
      </c>
      <c r="B7" s="17"/>
      <c r="C7" s="13">
        <v>1821</v>
      </c>
      <c r="D7" s="19">
        <v>913</v>
      </c>
      <c r="E7" s="19">
        <v>908</v>
      </c>
      <c r="F7" s="19"/>
      <c r="G7" s="18" t="s">
        <v>12</v>
      </c>
      <c r="H7" s="17"/>
      <c r="I7" s="13">
        <v>3987</v>
      </c>
      <c r="J7" s="19">
        <v>2093</v>
      </c>
      <c r="K7" s="19">
        <v>1894</v>
      </c>
    </row>
    <row r="8" spans="1:11" ht="15" customHeight="1">
      <c r="A8" s="17" t="s">
        <v>13</v>
      </c>
      <c r="B8" s="17"/>
      <c r="C8" s="13">
        <v>1874</v>
      </c>
      <c r="D8" s="19">
        <v>948</v>
      </c>
      <c r="E8" s="19">
        <v>926</v>
      </c>
      <c r="F8" s="19"/>
      <c r="G8" s="18" t="s">
        <v>14</v>
      </c>
      <c r="H8" s="17"/>
      <c r="I8" s="13">
        <v>3808</v>
      </c>
      <c r="J8" s="19">
        <v>1997</v>
      </c>
      <c r="K8" s="19">
        <v>1811</v>
      </c>
    </row>
    <row r="9" spans="1:11" ht="15" customHeight="1">
      <c r="A9" s="17" t="s">
        <v>15</v>
      </c>
      <c r="B9" s="17"/>
      <c r="C9" s="13">
        <v>1877</v>
      </c>
      <c r="D9" s="19">
        <v>938</v>
      </c>
      <c r="E9" s="19">
        <v>939</v>
      </c>
      <c r="F9" s="19"/>
      <c r="G9" s="18" t="s">
        <v>16</v>
      </c>
      <c r="H9" s="17"/>
      <c r="I9" s="13">
        <v>3795</v>
      </c>
      <c r="J9" s="19">
        <v>1976</v>
      </c>
      <c r="K9" s="19">
        <v>1819</v>
      </c>
    </row>
    <row r="10" spans="1:11" ht="15" customHeight="1">
      <c r="A10" s="17" t="s">
        <v>17</v>
      </c>
      <c r="B10" s="17"/>
      <c r="C10" s="13">
        <v>2025</v>
      </c>
      <c r="D10" s="19">
        <v>1027</v>
      </c>
      <c r="E10" s="19">
        <v>998</v>
      </c>
      <c r="F10" s="19"/>
      <c r="G10" s="18" t="s">
        <v>18</v>
      </c>
      <c r="H10" s="17"/>
      <c r="I10" s="13">
        <v>3849</v>
      </c>
      <c r="J10" s="19">
        <v>2042</v>
      </c>
      <c r="K10" s="19">
        <v>1807</v>
      </c>
    </row>
    <row r="11" spans="1:11" ht="20.100000000000001" customHeight="1">
      <c r="A11" s="17" t="s">
        <v>19</v>
      </c>
      <c r="B11" s="17"/>
      <c r="C11" s="13">
        <v>9667</v>
      </c>
      <c r="D11" s="14">
        <v>4943</v>
      </c>
      <c r="E11" s="14">
        <v>4724</v>
      </c>
      <c r="F11" s="14"/>
      <c r="G11" s="18" t="s">
        <v>20</v>
      </c>
      <c r="H11" s="17"/>
      <c r="I11" s="13">
        <v>14622</v>
      </c>
      <c r="J11" s="14">
        <v>7714</v>
      </c>
      <c r="K11" s="14">
        <v>6908</v>
      </c>
    </row>
    <row r="12" spans="1:11" ht="15" customHeight="1">
      <c r="A12" s="17" t="s">
        <v>21</v>
      </c>
      <c r="B12" s="17"/>
      <c r="C12" s="13">
        <v>1906</v>
      </c>
      <c r="D12" s="19">
        <v>957</v>
      </c>
      <c r="E12" s="19">
        <v>949</v>
      </c>
      <c r="F12" s="19"/>
      <c r="G12" s="18" t="s">
        <v>22</v>
      </c>
      <c r="H12" s="17"/>
      <c r="I12" s="13">
        <v>2757</v>
      </c>
      <c r="J12" s="19">
        <v>1439</v>
      </c>
      <c r="K12" s="19">
        <v>1318</v>
      </c>
    </row>
    <row r="13" spans="1:11" ht="15" customHeight="1">
      <c r="A13" s="17" t="s">
        <v>23</v>
      </c>
      <c r="B13" s="17"/>
      <c r="C13" s="13">
        <v>1953</v>
      </c>
      <c r="D13" s="19">
        <v>1025</v>
      </c>
      <c r="E13" s="19">
        <v>928</v>
      </c>
      <c r="F13" s="19"/>
      <c r="G13" s="18" t="s">
        <v>24</v>
      </c>
      <c r="H13" s="17"/>
      <c r="I13" s="13">
        <v>3345</v>
      </c>
      <c r="J13" s="19">
        <v>1767</v>
      </c>
      <c r="K13" s="19">
        <v>1578</v>
      </c>
    </row>
    <row r="14" spans="1:11" ht="15" customHeight="1">
      <c r="A14" s="17" t="s">
        <v>25</v>
      </c>
      <c r="B14" s="17"/>
      <c r="C14" s="13">
        <v>1967</v>
      </c>
      <c r="D14" s="19">
        <v>1006</v>
      </c>
      <c r="E14" s="19">
        <v>961</v>
      </c>
      <c r="F14" s="19"/>
      <c r="G14" s="18" t="s">
        <v>26</v>
      </c>
      <c r="H14" s="17"/>
      <c r="I14" s="13">
        <v>3020</v>
      </c>
      <c r="J14" s="19">
        <v>1602</v>
      </c>
      <c r="K14" s="19">
        <v>1418</v>
      </c>
    </row>
    <row r="15" spans="1:11" ht="15" customHeight="1">
      <c r="A15" s="17" t="s">
        <v>27</v>
      </c>
      <c r="B15" s="17"/>
      <c r="C15" s="13">
        <v>1907</v>
      </c>
      <c r="D15" s="19">
        <v>947</v>
      </c>
      <c r="E15" s="19">
        <v>960</v>
      </c>
      <c r="F15" s="19"/>
      <c r="G15" s="18" t="s">
        <v>28</v>
      </c>
      <c r="H15" s="17"/>
      <c r="I15" s="13">
        <v>2874</v>
      </c>
      <c r="J15" s="19">
        <v>1514</v>
      </c>
      <c r="K15" s="19">
        <v>1360</v>
      </c>
    </row>
    <row r="16" spans="1:11" ht="15" customHeight="1">
      <c r="A16" s="17" t="s">
        <v>29</v>
      </c>
      <c r="B16" s="17"/>
      <c r="C16" s="13">
        <v>1934</v>
      </c>
      <c r="D16" s="19">
        <v>1008</v>
      </c>
      <c r="E16" s="19">
        <v>926</v>
      </c>
      <c r="F16" s="19"/>
      <c r="G16" s="18" t="s">
        <v>30</v>
      </c>
      <c r="H16" s="17"/>
      <c r="I16" s="13">
        <v>2626</v>
      </c>
      <c r="J16" s="19">
        <v>1392</v>
      </c>
      <c r="K16" s="19">
        <v>1234</v>
      </c>
    </row>
    <row r="17" spans="1:11" ht="20.100000000000001" customHeight="1">
      <c r="A17" s="20" t="s">
        <v>31</v>
      </c>
      <c r="B17" s="20"/>
      <c r="C17" s="13">
        <v>9578</v>
      </c>
      <c r="D17" s="14">
        <v>4924</v>
      </c>
      <c r="E17" s="14">
        <v>4654</v>
      </c>
      <c r="F17" s="14"/>
      <c r="G17" s="18" t="s">
        <v>32</v>
      </c>
      <c r="H17" s="17"/>
      <c r="I17" s="13">
        <v>10940</v>
      </c>
      <c r="J17" s="14">
        <v>5640</v>
      </c>
      <c r="K17" s="14">
        <v>5300</v>
      </c>
    </row>
    <row r="18" spans="1:11" ht="15" customHeight="1">
      <c r="A18" s="17" t="s">
        <v>33</v>
      </c>
      <c r="B18" s="17"/>
      <c r="C18" s="13">
        <v>1904</v>
      </c>
      <c r="D18" s="19">
        <v>974</v>
      </c>
      <c r="E18" s="19">
        <v>930</v>
      </c>
      <c r="F18" s="19"/>
      <c r="G18" s="18" t="s">
        <v>34</v>
      </c>
      <c r="H18" s="17"/>
      <c r="I18" s="13">
        <v>2552</v>
      </c>
      <c r="J18" s="19">
        <v>1328</v>
      </c>
      <c r="K18" s="19">
        <v>1224</v>
      </c>
    </row>
    <row r="19" spans="1:11" ht="15" customHeight="1">
      <c r="A19" s="17" t="s">
        <v>35</v>
      </c>
      <c r="B19" s="17"/>
      <c r="C19" s="13">
        <v>1908</v>
      </c>
      <c r="D19" s="19">
        <v>995</v>
      </c>
      <c r="E19" s="19">
        <v>913</v>
      </c>
      <c r="F19" s="19"/>
      <c r="G19" s="18" t="s">
        <v>36</v>
      </c>
      <c r="H19" s="17"/>
      <c r="I19" s="13">
        <v>2302</v>
      </c>
      <c r="J19" s="19">
        <v>1212</v>
      </c>
      <c r="K19" s="19">
        <v>1090</v>
      </c>
    </row>
    <row r="20" spans="1:11" ht="15" customHeight="1">
      <c r="A20" s="17" t="s">
        <v>37</v>
      </c>
      <c r="B20" s="17"/>
      <c r="C20" s="13">
        <v>1915</v>
      </c>
      <c r="D20" s="19">
        <v>975</v>
      </c>
      <c r="E20" s="19">
        <v>940</v>
      </c>
      <c r="F20" s="19"/>
      <c r="G20" s="18" t="s">
        <v>38</v>
      </c>
      <c r="H20" s="17"/>
      <c r="I20" s="13">
        <v>2171</v>
      </c>
      <c r="J20" s="19">
        <v>1112</v>
      </c>
      <c r="K20" s="19">
        <v>1059</v>
      </c>
    </row>
    <row r="21" spans="1:11" ht="15" customHeight="1">
      <c r="A21" s="17" t="s">
        <v>39</v>
      </c>
      <c r="B21" s="17"/>
      <c r="C21" s="13">
        <v>1940</v>
      </c>
      <c r="D21" s="19">
        <v>1016</v>
      </c>
      <c r="E21" s="19">
        <v>924</v>
      </c>
      <c r="F21" s="19"/>
      <c r="G21" s="18" t="s">
        <v>40</v>
      </c>
      <c r="H21" s="17"/>
      <c r="I21" s="13">
        <v>2007</v>
      </c>
      <c r="J21" s="19">
        <v>1006</v>
      </c>
      <c r="K21" s="19">
        <v>1001</v>
      </c>
    </row>
    <row r="22" spans="1:11" ht="15" customHeight="1">
      <c r="A22" s="17" t="s">
        <v>41</v>
      </c>
      <c r="B22" s="17"/>
      <c r="C22" s="13">
        <v>1911</v>
      </c>
      <c r="D22" s="19">
        <v>964</v>
      </c>
      <c r="E22" s="19">
        <v>947</v>
      </c>
      <c r="F22" s="19"/>
      <c r="G22" s="18" t="s">
        <v>42</v>
      </c>
      <c r="H22" s="17"/>
      <c r="I22" s="13">
        <v>1908</v>
      </c>
      <c r="J22" s="19">
        <v>982</v>
      </c>
      <c r="K22" s="19">
        <v>926</v>
      </c>
    </row>
    <row r="23" spans="1:11" ht="20.100000000000001" customHeight="1">
      <c r="A23" s="17" t="s">
        <v>43</v>
      </c>
      <c r="B23" s="17"/>
      <c r="C23" s="13">
        <v>9555</v>
      </c>
      <c r="D23" s="14">
        <v>4886</v>
      </c>
      <c r="E23" s="14">
        <v>4669</v>
      </c>
      <c r="F23" s="14"/>
      <c r="G23" s="18" t="s">
        <v>44</v>
      </c>
      <c r="H23" s="17"/>
      <c r="I23" s="13">
        <v>9727</v>
      </c>
      <c r="J23" s="14">
        <v>4725</v>
      </c>
      <c r="K23" s="14">
        <v>5002</v>
      </c>
    </row>
    <row r="24" spans="1:11" ht="15" customHeight="1">
      <c r="A24" s="17" t="s">
        <v>45</v>
      </c>
      <c r="B24" s="17"/>
      <c r="C24" s="13">
        <v>1919</v>
      </c>
      <c r="D24" s="19">
        <v>974</v>
      </c>
      <c r="E24" s="19">
        <v>945</v>
      </c>
      <c r="F24" s="19"/>
      <c r="G24" s="18" t="s">
        <v>46</v>
      </c>
      <c r="H24" s="17"/>
      <c r="I24" s="13">
        <v>1891</v>
      </c>
      <c r="J24" s="19">
        <v>954</v>
      </c>
      <c r="K24" s="19">
        <v>937</v>
      </c>
    </row>
    <row r="25" spans="1:11" ht="15" customHeight="1">
      <c r="A25" s="17" t="s">
        <v>47</v>
      </c>
      <c r="B25" s="17"/>
      <c r="C25" s="13">
        <v>1833</v>
      </c>
      <c r="D25" s="19">
        <v>938</v>
      </c>
      <c r="E25" s="19">
        <v>895</v>
      </c>
      <c r="F25" s="19"/>
      <c r="G25" s="18" t="s">
        <v>48</v>
      </c>
      <c r="H25" s="17"/>
      <c r="I25" s="13">
        <v>1926</v>
      </c>
      <c r="J25" s="19">
        <v>917</v>
      </c>
      <c r="K25" s="19">
        <v>1009</v>
      </c>
    </row>
    <row r="26" spans="1:11" ht="15" customHeight="1">
      <c r="A26" s="17" t="s">
        <v>49</v>
      </c>
      <c r="B26" s="17"/>
      <c r="C26" s="13">
        <v>1903</v>
      </c>
      <c r="D26" s="19">
        <v>978</v>
      </c>
      <c r="E26" s="19">
        <v>925</v>
      </c>
      <c r="F26" s="19"/>
      <c r="G26" s="18" t="s">
        <v>50</v>
      </c>
      <c r="H26" s="17"/>
      <c r="I26" s="13">
        <v>1878</v>
      </c>
      <c r="J26" s="19">
        <v>896</v>
      </c>
      <c r="K26" s="19">
        <v>982</v>
      </c>
    </row>
    <row r="27" spans="1:11" ht="15" customHeight="1">
      <c r="A27" s="17" t="s">
        <v>51</v>
      </c>
      <c r="B27" s="17"/>
      <c r="C27" s="13">
        <v>1834</v>
      </c>
      <c r="D27" s="19">
        <v>957</v>
      </c>
      <c r="E27" s="19">
        <v>877</v>
      </c>
      <c r="F27" s="19"/>
      <c r="G27" s="18" t="s">
        <v>52</v>
      </c>
      <c r="H27" s="17"/>
      <c r="I27" s="13">
        <v>1972</v>
      </c>
      <c r="J27" s="19">
        <v>986</v>
      </c>
      <c r="K27" s="19">
        <v>986</v>
      </c>
    </row>
    <row r="28" spans="1:11" ht="15" customHeight="1">
      <c r="A28" s="17" t="s">
        <v>53</v>
      </c>
      <c r="B28" s="17"/>
      <c r="C28" s="13">
        <v>2066</v>
      </c>
      <c r="D28" s="19">
        <v>1039</v>
      </c>
      <c r="E28" s="19">
        <v>1027</v>
      </c>
      <c r="F28" s="19"/>
      <c r="G28" s="18" t="s">
        <v>54</v>
      </c>
      <c r="H28" s="17"/>
      <c r="I28" s="13">
        <v>2060</v>
      </c>
      <c r="J28" s="19">
        <v>972</v>
      </c>
      <c r="K28" s="19">
        <v>1088</v>
      </c>
    </row>
    <row r="29" spans="1:11" ht="20.100000000000001" customHeight="1">
      <c r="A29" s="17" t="s">
        <v>55</v>
      </c>
      <c r="B29" s="17"/>
      <c r="C29" s="13">
        <v>13951</v>
      </c>
      <c r="D29" s="14">
        <v>6905</v>
      </c>
      <c r="E29" s="14">
        <v>7046</v>
      </c>
      <c r="F29" s="14"/>
      <c r="G29" s="18" t="s">
        <v>56</v>
      </c>
      <c r="H29" s="17"/>
      <c r="I29" s="13">
        <v>11686</v>
      </c>
      <c r="J29" s="14">
        <v>5584</v>
      </c>
      <c r="K29" s="14">
        <v>6102</v>
      </c>
    </row>
    <row r="30" spans="1:11" ht="15" customHeight="1">
      <c r="A30" s="17" t="s">
        <v>57</v>
      </c>
      <c r="B30" s="17"/>
      <c r="C30" s="13">
        <v>2355</v>
      </c>
      <c r="D30" s="19">
        <v>1123</v>
      </c>
      <c r="E30" s="19">
        <v>1232</v>
      </c>
      <c r="F30" s="19"/>
      <c r="G30" s="18" t="s">
        <v>58</v>
      </c>
      <c r="H30" s="17"/>
      <c r="I30" s="13">
        <v>2114</v>
      </c>
      <c r="J30" s="19">
        <v>1034</v>
      </c>
      <c r="K30" s="19">
        <v>1080</v>
      </c>
    </row>
    <row r="31" spans="1:11" ht="15" customHeight="1">
      <c r="A31" s="17" t="s">
        <v>59</v>
      </c>
      <c r="B31" s="17"/>
      <c r="C31" s="13">
        <v>2496</v>
      </c>
      <c r="D31" s="19">
        <v>1236</v>
      </c>
      <c r="E31" s="19">
        <v>1260</v>
      </c>
      <c r="F31" s="19"/>
      <c r="G31" s="18" t="s">
        <v>60</v>
      </c>
      <c r="H31" s="17"/>
      <c r="I31" s="13">
        <v>2233</v>
      </c>
      <c r="J31" s="19">
        <v>1107</v>
      </c>
      <c r="K31" s="19">
        <v>1126</v>
      </c>
    </row>
    <row r="32" spans="1:11" ht="15" customHeight="1">
      <c r="A32" s="17" t="s">
        <v>61</v>
      </c>
      <c r="B32" s="17"/>
      <c r="C32" s="13">
        <v>2715</v>
      </c>
      <c r="D32" s="19">
        <v>1351</v>
      </c>
      <c r="E32" s="19">
        <v>1364</v>
      </c>
      <c r="F32" s="19"/>
      <c r="G32" s="18" t="s">
        <v>62</v>
      </c>
      <c r="H32" s="17"/>
      <c r="I32" s="13">
        <v>2540</v>
      </c>
      <c r="J32" s="19">
        <v>1180</v>
      </c>
      <c r="K32" s="19">
        <v>1360</v>
      </c>
    </row>
    <row r="33" spans="1:11" ht="15" customHeight="1">
      <c r="A33" s="17" t="s">
        <v>63</v>
      </c>
      <c r="B33" s="17"/>
      <c r="C33" s="13">
        <v>3162</v>
      </c>
      <c r="D33" s="19">
        <v>1571</v>
      </c>
      <c r="E33" s="19">
        <v>1591</v>
      </c>
      <c r="F33" s="19"/>
      <c r="G33" s="18" t="s">
        <v>64</v>
      </c>
      <c r="H33" s="17"/>
      <c r="I33" s="13">
        <v>2449</v>
      </c>
      <c r="J33" s="19">
        <v>1156</v>
      </c>
      <c r="K33" s="19">
        <v>1293</v>
      </c>
    </row>
    <row r="34" spans="1:11" ht="15" customHeight="1">
      <c r="A34" s="17" t="s">
        <v>65</v>
      </c>
      <c r="B34" s="17"/>
      <c r="C34" s="13">
        <v>3223</v>
      </c>
      <c r="D34" s="19">
        <v>1624</v>
      </c>
      <c r="E34" s="19">
        <v>1599</v>
      </c>
      <c r="F34" s="19"/>
      <c r="G34" s="18" t="s">
        <v>66</v>
      </c>
      <c r="H34" s="17"/>
      <c r="I34" s="13">
        <v>2350</v>
      </c>
      <c r="J34" s="19">
        <v>1107</v>
      </c>
      <c r="K34" s="19">
        <v>1243</v>
      </c>
    </row>
    <row r="35" spans="1:11" ht="20.100000000000001" customHeight="1">
      <c r="A35" s="17" t="s">
        <v>67</v>
      </c>
      <c r="B35" s="17"/>
      <c r="C35" s="13">
        <v>16292</v>
      </c>
      <c r="D35" s="14">
        <v>8307</v>
      </c>
      <c r="E35" s="14">
        <v>7985</v>
      </c>
      <c r="F35" s="14"/>
      <c r="G35" s="18" t="s">
        <v>68</v>
      </c>
      <c r="H35" s="17"/>
      <c r="I35" s="13">
        <v>8287</v>
      </c>
      <c r="J35" s="14">
        <v>3739</v>
      </c>
      <c r="K35" s="14">
        <v>4548</v>
      </c>
    </row>
    <row r="36" spans="1:11" ht="15" customHeight="1">
      <c r="A36" s="17" t="s">
        <v>69</v>
      </c>
      <c r="B36" s="17"/>
      <c r="C36" s="13">
        <v>3355</v>
      </c>
      <c r="D36" s="19">
        <v>1617</v>
      </c>
      <c r="E36" s="19">
        <v>1738</v>
      </c>
      <c r="F36" s="19"/>
      <c r="G36" s="18" t="s">
        <v>70</v>
      </c>
      <c r="H36" s="17"/>
      <c r="I36" s="13">
        <v>1644</v>
      </c>
      <c r="J36" s="19">
        <v>777</v>
      </c>
      <c r="K36" s="19">
        <v>867</v>
      </c>
    </row>
    <row r="37" spans="1:11" ht="15" customHeight="1">
      <c r="A37" s="17" t="s">
        <v>71</v>
      </c>
      <c r="B37" s="17"/>
      <c r="C37" s="13">
        <v>3299</v>
      </c>
      <c r="D37" s="19">
        <v>1710</v>
      </c>
      <c r="E37" s="19">
        <v>1589</v>
      </c>
      <c r="F37" s="19"/>
      <c r="G37" s="18" t="s">
        <v>72</v>
      </c>
      <c r="H37" s="17"/>
      <c r="I37" s="13">
        <v>1447</v>
      </c>
      <c r="J37" s="19">
        <v>670</v>
      </c>
      <c r="K37" s="19">
        <v>777</v>
      </c>
    </row>
    <row r="38" spans="1:11" ht="15" customHeight="1">
      <c r="A38" s="17" t="s">
        <v>73</v>
      </c>
      <c r="B38" s="17"/>
      <c r="C38" s="13">
        <v>3345</v>
      </c>
      <c r="D38" s="19">
        <v>1677</v>
      </c>
      <c r="E38" s="19">
        <v>1668</v>
      </c>
      <c r="F38" s="19"/>
      <c r="G38" s="18" t="s">
        <v>74</v>
      </c>
      <c r="H38" s="17"/>
      <c r="I38" s="13">
        <v>1810</v>
      </c>
      <c r="J38" s="19">
        <v>804</v>
      </c>
      <c r="K38" s="19">
        <v>1006</v>
      </c>
    </row>
    <row r="39" spans="1:11" ht="15" customHeight="1">
      <c r="A39" s="17" t="s">
        <v>75</v>
      </c>
      <c r="B39" s="17"/>
      <c r="C39" s="13">
        <v>3071</v>
      </c>
      <c r="D39" s="19">
        <v>1610</v>
      </c>
      <c r="E39" s="19">
        <v>1461</v>
      </c>
      <c r="F39" s="19"/>
      <c r="G39" s="18" t="s">
        <v>76</v>
      </c>
      <c r="H39" s="17"/>
      <c r="I39" s="13">
        <v>1755</v>
      </c>
      <c r="J39" s="19">
        <v>784</v>
      </c>
      <c r="K39" s="19">
        <v>971</v>
      </c>
    </row>
    <row r="40" spans="1:11" ht="15" customHeight="1">
      <c r="A40" s="17" t="s">
        <v>77</v>
      </c>
      <c r="B40" s="17"/>
      <c r="C40" s="13">
        <v>3222</v>
      </c>
      <c r="D40" s="19">
        <v>1693</v>
      </c>
      <c r="E40" s="19">
        <v>1529</v>
      </c>
      <c r="F40" s="19"/>
      <c r="G40" s="18" t="s">
        <v>78</v>
      </c>
      <c r="H40" s="17"/>
      <c r="I40" s="13">
        <v>1631</v>
      </c>
      <c r="J40" s="19">
        <v>704</v>
      </c>
      <c r="K40" s="19">
        <v>927</v>
      </c>
    </row>
    <row r="41" spans="1:11" ht="20.100000000000001" customHeight="1">
      <c r="A41" s="17" t="s">
        <v>79</v>
      </c>
      <c r="B41" s="17"/>
      <c r="C41" s="13">
        <v>15594</v>
      </c>
      <c r="D41" s="14">
        <v>7892</v>
      </c>
      <c r="E41" s="14">
        <v>7702</v>
      </c>
      <c r="F41" s="14"/>
      <c r="G41" s="18" t="s">
        <v>80</v>
      </c>
      <c r="H41" s="17"/>
      <c r="I41" s="13">
        <v>6570</v>
      </c>
      <c r="J41" s="14">
        <v>2657</v>
      </c>
      <c r="K41" s="14">
        <v>3913</v>
      </c>
    </row>
    <row r="42" spans="1:11" ht="15" customHeight="1">
      <c r="A42" s="17" t="s">
        <v>81</v>
      </c>
      <c r="B42" s="17"/>
      <c r="C42" s="13">
        <v>3190</v>
      </c>
      <c r="D42" s="19">
        <v>1628</v>
      </c>
      <c r="E42" s="19">
        <v>1562</v>
      </c>
      <c r="F42" s="19"/>
      <c r="G42" s="18" t="s">
        <v>82</v>
      </c>
      <c r="H42" s="17"/>
      <c r="I42" s="13">
        <v>1608</v>
      </c>
      <c r="J42" s="19">
        <v>696</v>
      </c>
      <c r="K42" s="19">
        <v>912</v>
      </c>
    </row>
    <row r="43" spans="1:11" ht="15" customHeight="1">
      <c r="A43" s="17" t="s">
        <v>83</v>
      </c>
      <c r="B43" s="17"/>
      <c r="C43" s="13">
        <v>3182</v>
      </c>
      <c r="D43" s="19">
        <v>1607</v>
      </c>
      <c r="E43" s="19">
        <v>1575</v>
      </c>
      <c r="F43" s="19"/>
      <c r="G43" s="18" t="s">
        <v>84</v>
      </c>
      <c r="H43" s="17"/>
      <c r="I43" s="13">
        <v>1456</v>
      </c>
      <c r="J43" s="19">
        <v>599</v>
      </c>
      <c r="K43" s="19">
        <v>857</v>
      </c>
    </row>
    <row r="44" spans="1:11" ht="15" customHeight="1">
      <c r="A44" s="17" t="s">
        <v>85</v>
      </c>
      <c r="B44" s="17"/>
      <c r="C44" s="13">
        <v>2959</v>
      </c>
      <c r="D44" s="19">
        <v>1502</v>
      </c>
      <c r="E44" s="19">
        <v>1457</v>
      </c>
      <c r="F44" s="19"/>
      <c r="G44" s="18" t="s">
        <v>86</v>
      </c>
      <c r="H44" s="17"/>
      <c r="I44" s="13">
        <v>1177</v>
      </c>
      <c r="J44" s="19">
        <v>457</v>
      </c>
      <c r="K44" s="19">
        <v>720</v>
      </c>
    </row>
    <row r="45" spans="1:11" ht="15" customHeight="1">
      <c r="A45" s="17" t="s">
        <v>87</v>
      </c>
      <c r="B45" s="17"/>
      <c r="C45" s="13">
        <v>3092</v>
      </c>
      <c r="D45" s="19">
        <v>1559</v>
      </c>
      <c r="E45" s="19">
        <v>1533</v>
      </c>
      <c r="F45" s="19"/>
      <c r="G45" s="18" t="s">
        <v>88</v>
      </c>
      <c r="H45" s="17"/>
      <c r="I45" s="13">
        <v>1177</v>
      </c>
      <c r="J45" s="19">
        <v>468</v>
      </c>
      <c r="K45" s="19">
        <v>709</v>
      </c>
    </row>
    <row r="46" spans="1:11" ht="15" customHeight="1">
      <c r="A46" s="17" t="s">
        <v>89</v>
      </c>
      <c r="B46" s="17"/>
      <c r="C46" s="13">
        <v>3171</v>
      </c>
      <c r="D46" s="19">
        <v>1596</v>
      </c>
      <c r="E46" s="19">
        <v>1575</v>
      </c>
      <c r="F46" s="19"/>
      <c r="G46" s="18" t="s">
        <v>90</v>
      </c>
      <c r="H46" s="17"/>
      <c r="I46" s="13">
        <v>1152</v>
      </c>
      <c r="J46" s="19">
        <v>437</v>
      </c>
      <c r="K46" s="19">
        <v>715</v>
      </c>
    </row>
    <row r="47" spans="1:11" ht="20.100000000000001" customHeight="1">
      <c r="A47" s="17" t="s">
        <v>91</v>
      </c>
      <c r="B47" s="17"/>
      <c r="C47" s="13">
        <v>16758</v>
      </c>
      <c r="D47" s="14">
        <v>8605</v>
      </c>
      <c r="E47" s="14">
        <v>8153</v>
      </c>
      <c r="F47" s="14"/>
      <c r="G47" s="18" t="s">
        <v>92</v>
      </c>
      <c r="H47" s="17"/>
      <c r="I47" s="13">
        <v>4557</v>
      </c>
      <c r="J47" s="14">
        <v>1629</v>
      </c>
      <c r="K47" s="14">
        <v>2928</v>
      </c>
    </row>
    <row r="48" spans="1:11" ht="15" customHeight="1">
      <c r="A48" s="17" t="s">
        <v>93</v>
      </c>
      <c r="B48" s="17"/>
      <c r="C48" s="13">
        <v>3307</v>
      </c>
      <c r="D48" s="19">
        <v>1694</v>
      </c>
      <c r="E48" s="19">
        <v>1613</v>
      </c>
      <c r="F48" s="19"/>
      <c r="G48" s="18" t="s">
        <v>94</v>
      </c>
      <c r="H48" s="17"/>
      <c r="I48" s="13">
        <v>1048</v>
      </c>
      <c r="J48" s="19">
        <v>396</v>
      </c>
      <c r="K48" s="19">
        <v>652</v>
      </c>
    </row>
    <row r="49" spans="1:11" ht="15" customHeight="1">
      <c r="A49" s="17" t="s">
        <v>95</v>
      </c>
      <c r="B49" s="17"/>
      <c r="C49" s="13">
        <v>3293</v>
      </c>
      <c r="D49" s="19">
        <v>1671</v>
      </c>
      <c r="E49" s="19">
        <v>1622</v>
      </c>
      <c r="F49" s="19"/>
      <c r="G49" s="18" t="s">
        <v>96</v>
      </c>
      <c r="H49" s="17"/>
      <c r="I49" s="13">
        <v>1073</v>
      </c>
      <c r="J49" s="19">
        <v>396</v>
      </c>
      <c r="K49" s="19">
        <v>677</v>
      </c>
    </row>
    <row r="50" spans="1:11" ht="15" customHeight="1">
      <c r="A50" s="17" t="s">
        <v>97</v>
      </c>
      <c r="B50" s="17"/>
      <c r="C50" s="13">
        <v>3485</v>
      </c>
      <c r="D50" s="19">
        <v>1761</v>
      </c>
      <c r="E50" s="19">
        <v>1724</v>
      </c>
      <c r="F50" s="19"/>
      <c r="G50" s="18" t="s">
        <v>98</v>
      </c>
      <c r="H50" s="17"/>
      <c r="I50" s="13">
        <v>896</v>
      </c>
      <c r="J50" s="19">
        <v>326</v>
      </c>
      <c r="K50" s="19">
        <v>570</v>
      </c>
    </row>
    <row r="51" spans="1:11" ht="15" customHeight="1">
      <c r="A51" s="17" t="s">
        <v>99</v>
      </c>
      <c r="B51" s="17"/>
      <c r="C51" s="13">
        <v>3375</v>
      </c>
      <c r="D51" s="19">
        <v>1790</v>
      </c>
      <c r="E51" s="19">
        <v>1585</v>
      </c>
      <c r="F51" s="19"/>
      <c r="G51" s="18" t="s">
        <v>100</v>
      </c>
      <c r="H51" s="17"/>
      <c r="I51" s="13">
        <v>807</v>
      </c>
      <c r="J51" s="19">
        <v>289</v>
      </c>
      <c r="K51" s="19">
        <v>518</v>
      </c>
    </row>
    <row r="52" spans="1:11" ht="15" customHeight="1">
      <c r="A52" s="17" t="s">
        <v>101</v>
      </c>
      <c r="B52" s="17"/>
      <c r="C52" s="13">
        <v>3298</v>
      </c>
      <c r="D52" s="19">
        <v>1689</v>
      </c>
      <c r="E52" s="19">
        <v>1609</v>
      </c>
      <c r="F52" s="19"/>
      <c r="G52" s="18" t="s">
        <v>102</v>
      </c>
      <c r="H52" s="17"/>
      <c r="I52" s="13">
        <v>733</v>
      </c>
      <c r="J52" s="19">
        <v>222</v>
      </c>
      <c r="K52" s="19">
        <v>511</v>
      </c>
    </row>
    <row r="53" spans="1:11" ht="20.100000000000001" customHeight="1">
      <c r="A53" s="17" t="s">
        <v>103</v>
      </c>
      <c r="B53" s="17"/>
      <c r="C53" s="13">
        <v>17700</v>
      </c>
      <c r="D53" s="14">
        <v>9048</v>
      </c>
      <c r="E53" s="14">
        <v>8652</v>
      </c>
      <c r="F53" s="14"/>
      <c r="G53" s="18" t="s">
        <v>104</v>
      </c>
      <c r="H53" s="17"/>
      <c r="I53" s="13">
        <v>2118</v>
      </c>
      <c r="J53" s="14">
        <v>562</v>
      </c>
      <c r="K53" s="14">
        <v>1556</v>
      </c>
    </row>
    <row r="54" spans="1:11" ht="15" customHeight="1">
      <c r="A54" s="17" t="s">
        <v>105</v>
      </c>
      <c r="B54" s="17"/>
      <c r="C54" s="13">
        <v>3412</v>
      </c>
      <c r="D54" s="19">
        <v>1751</v>
      </c>
      <c r="E54" s="19">
        <v>1661</v>
      </c>
      <c r="F54" s="19"/>
      <c r="G54" s="18" t="s">
        <v>106</v>
      </c>
      <c r="H54" s="17"/>
      <c r="I54" s="13">
        <v>588</v>
      </c>
      <c r="J54" s="19">
        <v>166</v>
      </c>
      <c r="K54" s="19">
        <v>422</v>
      </c>
    </row>
    <row r="55" spans="1:11" ht="15" customHeight="1">
      <c r="A55" s="17" t="s">
        <v>107</v>
      </c>
      <c r="B55" s="17"/>
      <c r="C55" s="13">
        <v>3432</v>
      </c>
      <c r="D55" s="19">
        <v>1801</v>
      </c>
      <c r="E55" s="19">
        <v>1631</v>
      </c>
      <c r="F55" s="19"/>
      <c r="G55" s="18" t="s">
        <v>108</v>
      </c>
      <c r="H55" s="17"/>
      <c r="I55" s="13">
        <v>490</v>
      </c>
      <c r="J55" s="19">
        <v>119</v>
      </c>
      <c r="K55" s="19">
        <v>371</v>
      </c>
    </row>
    <row r="56" spans="1:11" ht="15" customHeight="1">
      <c r="A56" s="17" t="s">
        <v>109</v>
      </c>
      <c r="B56" s="17"/>
      <c r="C56" s="13">
        <v>3523</v>
      </c>
      <c r="D56" s="19">
        <v>1790</v>
      </c>
      <c r="E56" s="19">
        <v>1733</v>
      </c>
      <c r="F56" s="19"/>
      <c r="G56" s="18" t="s">
        <v>110</v>
      </c>
      <c r="H56" s="17"/>
      <c r="I56" s="13">
        <v>404</v>
      </c>
      <c r="J56" s="19">
        <v>120</v>
      </c>
      <c r="K56" s="19">
        <v>284</v>
      </c>
    </row>
    <row r="57" spans="1:11" ht="15" customHeight="1">
      <c r="A57" s="17" t="s">
        <v>111</v>
      </c>
      <c r="B57" s="17"/>
      <c r="C57" s="13">
        <v>3802</v>
      </c>
      <c r="D57" s="19">
        <v>1934</v>
      </c>
      <c r="E57" s="19">
        <v>1868</v>
      </c>
      <c r="F57" s="19"/>
      <c r="G57" s="18" t="s">
        <v>112</v>
      </c>
      <c r="H57" s="17"/>
      <c r="I57" s="13">
        <v>360</v>
      </c>
      <c r="J57" s="19">
        <v>84</v>
      </c>
      <c r="K57" s="19">
        <v>276</v>
      </c>
    </row>
    <row r="58" spans="1:11" ht="15" customHeight="1">
      <c r="A58" s="17" t="s">
        <v>113</v>
      </c>
      <c r="B58" s="17"/>
      <c r="C58" s="13">
        <v>3531</v>
      </c>
      <c r="D58" s="19">
        <v>1772</v>
      </c>
      <c r="E58" s="19">
        <v>1759</v>
      </c>
      <c r="F58" s="19"/>
      <c r="G58" s="18" t="s">
        <v>114</v>
      </c>
      <c r="H58" s="17"/>
      <c r="I58" s="13">
        <v>276</v>
      </c>
      <c r="J58" s="19">
        <v>73</v>
      </c>
      <c r="K58" s="19">
        <v>203</v>
      </c>
    </row>
    <row r="59" spans="1:11" ht="20.100000000000001" customHeight="1">
      <c r="A59" s="17" t="s">
        <v>115</v>
      </c>
      <c r="B59" s="17"/>
      <c r="C59" s="13">
        <v>20066</v>
      </c>
      <c r="D59" s="14">
        <v>10260</v>
      </c>
      <c r="E59" s="14">
        <v>9806</v>
      </c>
      <c r="F59" s="14"/>
      <c r="G59" s="18" t="s">
        <v>116</v>
      </c>
      <c r="H59" s="17"/>
      <c r="I59" s="13">
        <v>562</v>
      </c>
      <c r="J59" s="14">
        <v>120</v>
      </c>
      <c r="K59" s="14">
        <v>442</v>
      </c>
    </row>
    <row r="60" spans="1:11" ht="15" customHeight="1">
      <c r="A60" s="17" t="s">
        <v>117</v>
      </c>
      <c r="B60" s="17"/>
      <c r="C60" s="13">
        <v>3775</v>
      </c>
      <c r="D60" s="19">
        <v>1890</v>
      </c>
      <c r="E60" s="19">
        <v>1885</v>
      </c>
      <c r="F60" s="19"/>
      <c r="G60" s="18" t="s">
        <v>118</v>
      </c>
      <c r="H60" s="17"/>
      <c r="I60" s="13">
        <v>197</v>
      </c>
      <c r="J60" s="19">
        <v>56</v>
      </c>
      <c r="K60" s="19">
        <v>141</v>
      </c>
    </row>
    <row r="61" spans="1:11" ht="15" customHeight="1">
      <c r="A61" s="17" t="s">
        <v>119</v>
      </c>
      <c r="B61" s="17"/>
      <c r="C61" s="13">
        <v>3875</v>
      </c>
      <c r="D61" s="19">
        <v>2020</v>
      </c>
      <c r="E61" s="19">
        <v>1855</v>
      </c>
      <c r="F61" s="19"/>
      <c r="G61" s="18" t="s">
        <v>120</v>
      </c>
      <c r="H61" s="17"/>
      <c r="I61" s="13">
        <v>139</v>
      </c>
      <c r="J61" s="19">
        <v>39</v>
      </c>
      <c r="K61" s="19">
        <v>100</v>
      </c>
    </row>
    <row r="62" spans="1:11" ht="15" customHeight="1">
      <c r="A62" s="17" t="s">
        <v>121</v>
      </c>
      <c r="B62" s="17"/>
      <c r="C62" s="13">
        <v>4088</v>
      </c>
      <c r="D62" s="19">
        <v>2126</v>
      </c>
      <c r="E62" s="19">
        <v>1962</v>
      </c>
      <c r="F62" s="19"/>
      <c r="G62" s="18" t="s">
        <v>122</v>
      </c>
      <c r="H62" s="17"/>
      <c r="I62" s="13">
        <v>105</v>
      </c>
      <c r="J62" s="19">
        <v>10</v>
      </c>
      <c r="K62" s="19">
        <v>95</v>
      </c>
    </row>
    <row r="63" spans="1:11" ht="15" customHeight="1">
      <c r="A63" s="17" t="s">
        <v>123</v>
      </c>
      <c r="B63" s="17"/>
      <c r="C63" s="13">
        <v>4200</v>
      </c>
      <c r="D63" s="19">
        <v>2127</v>
      </c>
      <c r="E63" s="19">
        <v>2073</v>
      </c>
      <c r="F63" s="19"/>
      <c r="G63" s="18" t="s">
        <v>124</v>
      </c>
      <c r="H63" s="17"/>
      <c r="I63" s="13">
        <v>65</v>
      </c>
      <c r="J63" s="19">
        <v>9</v>
      </c>
      <c r="K63" s="19">
        <v>56</v>
      </c>
    </row>
    <row r="64" spans="1:11" ht="15" customHeight="1">
      <c r="A64" s="17" t="s">
        <v>125</v>
      </c>
      <c r="B64" s="17"/>
      <c r="C64" s="13">
        <v>4128</v>
      </c>
      <c r="D64" s="19">
        <v>2097</v>
      </c>
      <c r="E64" s="19">
        <v>2031</v>
      </c>
      <c r="F64" s="19"/>
      <c r="G64" s="18" t="s">
        <v>126</v>
      </c>
      <c r="H64" s="17"/>
      <c r="I64" s="13">
        <v>56</v>
      </c>
      <c r="J64" s="19">
        <v>6</v>
      </c>
      <c r="K64" s="19">
        <v>50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81</v>
      </c>
      <c r="J65" s="19">
        <v>13</v>
      </c>
      <c r="K65" s="19">
        <v>68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7250</v>
      </c>
      <c r="J66" s="27">
        <v>3216</v>
      </c>
      <c r="K66" s="27">
        <v>4034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7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23088</v>
      </c>
      <c r="D4" s="14">
        <v>113612</v>
      </c>
      <c r="E4" s="14">
        <v>109476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117</v>
      </c>
      <c r="D5" s="14">
        <v>4141</v>
      </c>
      <c r="E5" s="14">
        <v>3976</v>
      </c>
      <c r="F5" s="14"/>
      <c r="G5" s="18" t="s">
        <v>8</v>
      </c>
      <c r="H5" s="17"/>
      <c r="I5" s="13">
        <v>17016</v>
      </c>
      <c r="J5" s="14">
        <v>8954</v>
      </c>
      <c r="K5" s="14">
        <v>8062</v>
      </c>
    </row>
    <row r="6" spans="1:11" ht="15" customHeight="1">
      <c r="A6" s="17" t="s">
        <v>9</v>
      </c>
      <c r="B6" s="17"/>
      <c r="C6" s="13">
        <v>1711</v>
      </c>
      <c r="D6" s="19">
        <v>893</v>
      </c>
      <c r="E6" s="19">
        <v>818</v>
      </c>
      <c r="F6" s="19"/>
      <c r="G6" s="18" t="s">
        <v>10</v>
      </c>
      <c r="H6" s="17"/>
      <c r="I6" s="13">
        <v>3410</v>
      </c>
      <c r="J6" s="19">
        <v>1788</v>
      </c>
      <c r="K6" s="19">
        <v>1622</v>
      </c>
    </row>
    <row r="7" spans="1:11" ht="15" customHeight="1">
      <c r="A7" s="17" t="s">
        <v>11</v>
      </c>
      <c r="B7" s="17"/>
      <c r="C7" s="13">
        <v>1670</v>
      </c>
      <c r="D7" s="19">
        <v>878</v>
      </c>
      <c r="E7" s="19">
        <v>792</v>
      </c>
      <c r="F7" s="19"/>
      <c r="G7" s="18" t="s">
        <v>12</v>
      </c>
      <c r="H7" s="17"/>
      <c r="I7" s="13">
        <v>3544</v>
      </c>
      <c r="J7" s="19">
        <v>1886</v>
      </c>
      <c r="K7" s="19">
        <v>1658</v>
      </c>
    </row>
    <row r="8" spans="1:11" ht="15" customHeight="1">
      <c r="A8" s="17" t="s">
        <v>13</v>
      </c>
      <c r="B8" s="17"/>
      <c r="C8" s="13">
        <v>1632</v>
      </c>
      <c r="D8" s="19">
        <v>773</v>
      </c>
      <c r="E8" s="19">
        <v>859</v>
      </c>
      <c r="F8" s="19"/>
      <c r="G8" s="18" t="s">
        <v>14</v>
      </c>
      <c r="H8" s="17"/>
      <c r="I8" s="13">
        <v>3394</v>
      </c>
      <c r="J8" s="19">
        <v>1763</v>
      </c>
      <c r="K8" s="19">
        <v>1631</v>
      </c>
    </row>
    <row r="9" spans="1:11" ht="15" customHeight="1">
      <c r="A9" s="17" t="s">
        <v>15</v>
      </c>
      <c r="B9" s="17"/>
      <c r="C9" s="13">
        <v>1580</v>
      </c>
      <c r="D9" s="19">
        <v>811</v>
      </c>
      <c r="E9" s="19">
        <v>769</v>
      </c>
      <c r="F9" s="19"/>
      <c r="G9" s="18" t="s">
        <v>16</v>
      </c>
      <c r="H9" s="17"/>
      <c r="I9" s="13">
        <v>3321</v>
      </c>
      <c r="J9" s="19">
        <v>1793</v>
      </c>
      <c r="K9" s="19">
        <v>1528</v>
      </c>
    </row>
    <row r="10" spans="1:11" ht="15" customHeight="1">
      <c r="A10" s="17" t="s">
        <v>17</v>
      </c>
      <c r="B10" s="17"/>
      <c r="C10" s="13">
        <v>1524</v>
      </c>
      <c r="D10" s="19">
        <v>786</v>
      </c>
      <c r="E10" s="19">
        <v>738</v>
      </c>
      <c r="F10" s="19"/>
      <c r="G10" s="18" t="s">
        <v>18</v>
      </c>
      <c r="H10" s="17"/>
      <c r="I10" s="13">
        <v>3347</v>
      </c>
      <c r="J10" s="19">
        <v>1724</v>
      </c>
      <c r="K10" s="19">
        <v>1623</v>
      </c>
    </row>
    <row r="11" spans="1:11" ht="20.100000000000001" customHeight="1">
      <c r="A11" s="17" t="s">
        <v>19</v>
      </c>
      <c r="B11" s="17"/>
      <c r="C11" s="13">
        <v>7584</v>
      </c>
      <c r="D11" s="14">
        <v>3900</v>
      </c>
      <c r="E11" s="14">
        <v>3684</v>
      </c>
      <c r="F11" s="14"/>
      <c r="G11" s="18" t="s">
        <v>20</v>
      </c>
      <c r="H11" s="17"/>
      <c r="I11" s="13">
        <v>13820</v>
      </c>
      <c r="J11" s="14">
        <v>7363</v>
      </c>
      <c r="K11" s="14">
        <v>6457</v>
      </c>
    </row>
    <row r="12" spans="1:11" ht="15" customHeight="1">
      <c r="A12" s="17" t="s">
        <v>21</v>
      </c>
      <c r="B12" s="17"/>
      <c r="C12" s="13">
        <v>1561</v>
      </c>
      <c r="D12" s="19">
        <v>786</v>
      </c>
      <c r="E12" s="19">
        <v>775</v>
      </c>
      <c r="F12" s="19"/>
      <c r="G12" s="18" t="s">
        <v>22</v>
      </c>
      <c r="H12" s="17"/>
      <c r="I12" s="13">
        <v>2431</v>
      </c>
      <c r="J12" s="19">
        <v>1304</v>
      </c>
      <c r="K12" s="19">
        <v>1127</v>
      </c>
    </row>
    <row r="13" spans="1:11" ht="15" customHeight="1">
      <c r="A13" s="17" t="s">
        <v>23</v>
      </c>
      <c r="B13" s="17"/>
      <c r="C13" s="13">
        <v>1589</v>
      </c>
      <c r="D13" s="19">
        <v>823</v>
      </c>
      <c r="E13" s="19">
        <v>766</v>
      </c>
      <c r="F13" s="19"/>
      <c r="G13" s="18" t="s">
        <v>24</v>
      </c>
      <c r="H13" s="17"/>
      <c r="I13" s="13">
        <v>3167</v>
      </c>
      <c r="J13" s="19">
        <v>1661</v>
      </c>
      <c r="K13" s="19">
        <v>1506</v>
      </c>
    </row>
    <row r="14" spans="1:11" ht="15" customHeight="1">
      <c r="A14" s="17" t="s">
        <v>25</v>
      </c>
      <c r="B14" s="17"/>
      <c r="C14" s="13">
        <v>1462</v>
      </c>
      <c r="D14" s="19">
        <v>778</v>
      </c>
      <c r="E14" s="19">
        <v>684</v>
      </c>
      <c r="F14" s="19"/>
      <c r="G14" s="18" t="s">
        <v>26</v>
      </c>
      <c r="H14" s="17"/>
      <c r="I14" s="13">
        <v>2958</v>
      </c>
      <c r="J14" s="19">
        <v>1602</v>
      </c>
      <c r="K14" s="19">
        <v>1356</v>
      </c>
    </row>
    <row r="15" spans="1:11" ht="15" customHeight="1">
      <c r="A15" s="17" t="s">
        <v>27</v>
      </c>
      <c r="B15" s="17"/>
      <c r="C15" s="13">
        <v>1450</v>
      </c>
      <c r="D15" s="19">
        <v>731</v>
      </c>
      <c r="E15" s="19">
        <v>719</v>
      </c>
      <c r="F15" s="19"/>
      <c r="G15" s="18" t="s">
        <v>28</v>
      </c>
      <c r="H15" s="17"/>
      <c r="I15" s="13">
        <v>2727</v>
      </c>
      <c r="J15" s="19">
        <v>1451</v>
      </c>
      <c r="K15" s="19">
        <v>1276</v>
      </c>
    </row>
    <row r="16" spans="1:11" ht="15" customHeight="1">
      <c r="A16" s="17" t="s">
        <v>29</v>
      </c>
      <c r="B16" s="17"/>
      <c r="C16" s="13">
        <v>1522</v>
      </c>
      <c r="D16" s="19">
        <v>782</v>
      </c>
      <c r="E16" s="19">
        <v>740</v>
      </c>
      <c r="F16" s="19"/>
      <c r="G16" s="18" t="s">
        <v>30</v>
      </c>
      <c r="H16" s="17"/>
      <c r="I16" s="13">
        <v>2537</v>
      </c>
      <c r="J16" s="19">
        <v>1345</v>
      </c>
      <c r="K16" s="19">
        <v>1192</v>
      </c>
    </row>
    <row r="17" spans="1:11" ht="20.100000000000001" customHeight="1">
      <c r="A17" s="20" t="s">
        <v>31</v>
      </c>
      <c r="B17" s="20"/>
      <c r="C17" s="13">
        <v>7535</v>
      </c>
      <c r="D17" s="14">
        <v>3875</v>
      </c>
      <c r="E17" s="14">
        <v>3660</v>
      </c>
      <c r="F17" s="14"/>
      <c r="G17" s="18" t="s">
        <v>32</v>
      </c>
      <c r="H17" s="17"/>
      <c r="I17" s="13">
        <v>10886</v>
      </c>
      <c r="J17" s="14">
        <v>5684</v>
      </c>
      <c r="K17" s="14">
        <v>5202</v>
      </c>
    </row>
    <row r="18" spans="1:11" ht="15" customHeight="1">
      <c r="A18" s="17" t="s">
        <v>33</v>
      </c>
      <c r="B18" s="17"/>
      <c r="C18" s="13">
        <v>1500</v>
      </c>
      <c r="D18" s="19">
        <v>763</v>
      </c>
      <c r="E18" s="19">
        <v>737</v>
      </c>
      <c r="F18" s="19"/>
      <c r="G18" s="18" t="s">
        <v>34</v>
      </c>
      <c r="H18" s="17"/>
      <c r="I18" s="13">
        <v>2384</v>
      </c>
      <c r="J18" s="19">
        <v>1264</v>
      </c>
      <c r="K18" s="19">
        <v>1120</v>
      </c>
    </row>
    <row r="19" spans="1:11" ht="15" customHeight="1">
      <c r="A19" s="17" t="s">
        <v>35</v>
      </c>
      <c r="B19" s="17"/>
      <c r="C19" s="13">
        <v>1495</v>
      </c>
      <c r="D19" s="19">
        <v>782</v>
      </c>
      <c r="E19" s="19">
        <v>713</v>
      </c>
      <c r="F19" s="19"/>
      <c r="G19" s="18" t="s">
        <v>36</v>
      </c>
      <c r="H19" s="17"/>
      <c r="I19" s="13">
        <v>2306</v>
      </c>
      <c r="J19" s="19">
        <v>1225</v>
      </c>
      <c r="K19" s="19">
        <v>1081</v>
      </c>
    </row>
    <row r="20" spans="1:11" ht="15" customHeight="1">
      <c r="A20" s="17" t="s">
        <v>37</v>
      </c>
      <c r="B20" s="17"/>
      <c r="C20" s="13">
        <v>1471</v>
      </c>
      <c r="D20" s="19">
        <v>745</v>
      </c>
      <c r="E20" s="19">
        <v>726</v>
      </c>
      <c r="F20" s="19"/>
      <c r="G20" s="18" t="s">
        <v>38</v>
      </c>
      <c r="H20" s="17"/>
      <c r="I20" s="13">
        <v>2229</v>
      </c>
      <c r="J20" s="19">
        <v>1181</v>
      </c>
      <c r="K20" s="19">
        <v>1048</v>
      </c>
    </row>
    <row r="21" spans="1:11" ht="15" customHeight="1">
      <c r="A21" s="17" t="s">
        <v>39</v>
      </c>
      <c r="B21" s="17"/>
      <c r="C21" s="13">
        <v>1522</v>
      </c>
      <c r="D21" s="19">
        <v>769</v>
      </c>
      <c r="E21" s="19">
        <v>753</v>
      </c>
      <c r="F21" s="19"/>
      <c r="G21" s="18" t="s">
        <v>40</v>
      </c>
      <c r="H21" s="17"/>
      <c r="I21" s="13">
        <v>2122</v>
      </c>
      <c r="J21" s="19">
        <v>1095</v>
      </c>
      <c r="K21" s="19">
        <v>1027</v>
      </c>
    </row>
    <row r="22" spans="1:11" ht="15" customHeight="1">
      <c r="A22" s="17" t="s">
        <v>41</v>
      </c>
      <c r="B22" s="17"/>
      <c r="C22" s="13">
        <v>1547</v>
      </c>
      <c r="D22" s="19">
        <v>816</v>
      </c>
      <c r="E22" s="19">
        <v>731</v>
      </c>
      <c r="F22" s="19"/>
      <c r="G22" s="18" t="s">
        <v>42</v>
      </c>
      <c r="H22" s="17"/>
      <c r="I22" s="13">
        <v>1845</v>
      </c>
      <c r="J22" s="19">
        <v>919</v>
      </c>
      <c r="K22" s="19">
        <v>926</v>
      </c>
    </row>
    <row r="23" spans="1:11" ht="20.100000000000001" customHeight="1">
      <c r="A23" s="17" t="s">
        <v>43</v>
      </c>
      <c r="B23" s="17"/>
      <c r="C23" s="13">
        <v>8206</v>
      </c>
      <c r="D23" s="14">
        <v>4265</v>
      </c>
      <c r="E23" s="14">
        <v>3941</v>
      </c>
      <c r="F23" s="14"/>
      <c r="G23" s="18" t="s">
        <v>44</v>
      </c>
      <c r="H23" s="17"/>
      <c r="I23" s="13">
        <v>9414</v>
      </c>
      <c r="J23" s="14">
        <v>4715</v>
      </c>
      <c r="K23" s="14">
        <v>4699</v>
      </c>
    </row>
    <row r="24" spans="1:11" ht="15" customHeight="1">
      <c r="A24" s="17" t="s">
        <v>45</v>
      </c>
      <c r="B24" s="17"/>
      <c r="C24" s="13">
        <v>1550</v>
      </c>
      <c r="D24" s="19">
        <v>804</v>
      </c>
      <c r="E24" s="19">
        <v>746</v>
      </c>
      <c r="F24" s="19"/>
      <c r="G24" s="18" t="s">
        <v>46</v>
      </c>
      <c r="H24" s="17"/>
      <c r="I24" s="13">
        <v>1806</v>
      </c>
      <c r="J24" s="19">
        <v>922</v>
      </c>
      <c r="K24" s="19">
        <v>884</v>
      </c>
    </row>
    <row r="25" spans="1:11" ht="15" customHeight="1">
      <c r="A25" s="17" t="s">
        <v>47</v>
      </c>
      <c r="B25" s="17"/>
      <c r="C25" s="13">
        <v>1495</v>
      </c>
      <c r="D25" s="19">
        <v>780</v>
      </c>
      <c r="E25" s="19">
        <v>715</v>
      </c>
      <c r="F25" s="19"/>
      <c r="G25" s="18" t="s">
        <v>48</v>
      </c>
      <c r="H25" s="17"/>
      <c r="I25" s="13">
        <v>1943</v>
      </c>
      <c r="J25" s="19">
        <v>959</v>
      </c>
      <c r="K25" s="19">
        <v>984</v>
      </c>
    </row>
    <row r="26" spans="1:11" ht="15" customHeight="1">
      <c r="A26" s="17" t="s">
        <v>49</v>
      </c>
      <c r="B26" s="17"/>
      <c r="C26" s="13">
        <v>1537</v>
      </c>
      <c r="D26" s="19">
        <v>805</v>
      </c>
      <c r="E26" s="19">
        <v>732</v>
      </c>
      <c r="F26" s="19"/>
      <c r="G26" s="18" t="s">
        <v>50</v>
      </c>
      <c r="H26" s="17"/>
      <c r="I26" s="13">
        <v>1774</v>
      </c>
      <c r="J26" s="19">
        <v>897</v>
      </c>
      <c r="K26" s="19">
        <v>877</v>
      </c>
    </row>
    <row r="27" spans="1:11" ht="15" customHeight="1">
      <c r="A27" s="17" t="s">
        <v>51</v>
      </c>
      <c r="B27" s="17"/>
      <c r="C27" s="13">
        <v>1542</v>
      </c>
      <c r="D27" s="19">
        <v>790</v>
      </c>
      <c r="E27" s="19">
        <v>752</v>
      </c>
      <c r="F27" s="19"/>
      <c r="G27" s="18" t="s">
        <v>52</v>
      </c>
      <c r="H27" s="17"/>
      <c r="I27" s="13">
        <v>1934</v>
      </c>
      <c r="J27" s="19">
        <v>969</v>
      </c>
      <c r="K27" s="19">
        <v>965</v>
      </c>
    </row>
    <row r="28" spans="1:11" ht="15" customHeight="1">
      <c r="A28" s="17" t="s">
        <v>53</v>
      </c>
      <c r="B28" s="17"/>
      <c r="C28" s="13">
        <v>2082</v>
      </c>
      <c r="D28" s="19">
        <v>1086</v>
      </c>
      <c r="E28" s="19">
        <v>996</v>
      </c>
      <c r="F28" s="19"/>
      <c r="G28" s="18" t="s">
        <v>54</v>
      </c>
      <c r="H28" s="17"/>
      <c r="I28" s="13">
        <v>1957</v>
      </c>
      <c r="J28" s="19">
        <v>968</v>
      </c>
      <c r="K28" s="19">
        <v>989</v>
      </c>
    </row>
    <row r="29" spans="1:11" ht="20.100000000000001" customHeight="1">
      <c r="A29" s="17" t="s">
        <v>55</v>
      </c>
      <c r="B29" s="17"/>
      <c r="C29" s="13">
        <v>17348</v>
      </c>
      <c r="D29" s="14">
        <v>8892</v>
      </c>
      <c r="E29" s="14">
        <v>8456</v>
      </c>
      <c r="F29" s="14"/>
      <c r="G29" s="18" t="s">
        <v>56</v>
      </c>
      <c r="H29" s="17"/>
      <c r="I29" s="13">
        <v>11070</v>
      </c>
      <c r="J29" s="14">
        <v>5335</v>
      </c>
      <c r="K29" s="14">
        <v>5735</v>
      </c>
    </row>
    <row r="30" spans="1:11" ht="15" customHeight="1">
      <c r="A30" s="17" t="s">
        <v>57</v>
      </c>
      <c r="B30" s="17"/>
      <c r="C30" s="13">
        <v>2764</v>
      </c>
      <c r="D30" s="19">
        <v>1423</v>
      </c>
      <c r="E30" s="19">
        <v>1341</v>
      </c>
      <c r="F30" s="19"/>
      <c r="G30" s="18" t="s">
        <v>58</v>
      </c>
      <c r="H30" s="17"/>
      <c r="I30" s="13">
        <v>1977</v>
      </c>
      <c r="J30" s="19">
        <v>993</v>
      </c>
      <c r="K30" s="19">
        <v>984</v>
      </c>
    </row>
    <row r="31" spans="1:11" ht="15" customHeight="1">
      <c r="A31" s="17" t="s">
        <v>59</v>
      </c>
      <c r="B31" s="17"/>
      <c r="C31" s="13">
        <v>3235</v>
      </c>
      <c r="D31" s="19">
        <v>1700</v>
      </c>
      <c r="E31" s="19">
        <v>1535</v>
      </c>
      <c r="F31" s="19"/>
      <c r="G31" s="18" t="s">
        <v>60</v>
      </c>
      <c r="H31" s="17"/>
      <c r="I31" s="13">
        <v>2187</v>
      </c>
      <c r="J31" s="19">
        <v>1043</v>
      </c>
      <c r="K31" s="19">
        <v>1144</v>
      </c>
    </row>
    <row r="32" spans="1:11" ht="15" customHeight="1">
      <c r="A32" s="17" t="s">
        <v>61</v>
      </c>
      <c r="B32" s="17"/>
      <c r="C32" s="13">
        <v>3559</v>
      </c>
      <c r="D32" s="19">
        <v>1841</v>
      </c>
      <c r="E32" s="19">
        <v>1718</v>
      </c>
      <c r="F32" s="19"/>
      <c r="G32" s="18" t="s">
        <v>62</v>
      </c>
      <c r="H32" s="17"/>
      <c r="I32" s="13">
        <v>2367</v>
      </c>
      <c r="J32" s="19">
        <v>1182</v>
      </c>
      <c r="K32" s="19">
        <v>1185</v>
      </c>
    </row>
    <row r="33" spans="1:11" ht="15" customHeight="1">
      <c r="A33" s="17" t="s">
        <v>63</v>
      </c>
      <c r="B33" s="17"/>
      <c r="C33" s="13">
        <v>4014</v>
      </c>
      <c r="D33" s="19">
        <v>2050</v>
      </c>
      <c r="E33" s="19">
        <v>1964</v>
      </c>
      <c r="F33" s="19"/>
      <c r="G33" s="18" t="s">
        <v>64</v>
      </c>
      <c r="H33" s="17"/>
      <c r="I33" s="13">
        <v>2296</v>
      </c>
      <c r="J33" s="19">
        <v>1064</v>
      </c>
      <c r="K33" s="19">
        <v>1232</v>
      </c>
    </row>
    <row r="34" spans="1:11" ht="15" customHeight="1">
      <c r="A34" s="17" t="s">
        <v>65</v>
      </c>
      <c r="B34" s="17"/>
      <c r="C34" s="13">
        <v>3776</v>
      </c>
      <c r="D34" s="19">
        <v>1878</v>
      </c>
      <c r="E34" s="19">
        <v>1898</v>
      </c>
      <c r="F34" s="19"/>
      <c r="G34" s="18" t="s">
        <v>66</v>
      </c>
      <c r="H34" s="17"/>
      <c r="I34" s="13">
        <v>2243</v>
      </c>
      <c r="J34" s="19">
        <v>1053</v>
      </c>
      <c r="K34" s="19">
        <v>1190</v>
      </c>
    </row>
    <row r="35" spans="1:11" ht="20.100000000000001" customHeight="1">
      <c r="A35" s="17" t="s">
        <v>67</v>
      </c>
      <c r="B35" s="17"/>
      <c r="C35" s="13">
        <v>18629</v>
      </c>
      <c r="D35" s="14">
        <v>9587</v>
      </c>
      <c r="E35" s="14">
        <v>9042</v>
      </c>
      <c r="F35" s="14"/>
      <c r="G35" s="18" t="s">
        <v>68</v>
      </c>
      <c r="H35" s="17"/>
      <c r="I35" s="13">
        <v>8042</v>
      </c>
      <c r="J35" s="14">
        <v>3629</v>
      </c>
      <c r="K35" s="14">
        <v>4413</v>
      </c>
    </row>
    <row r="36" spans="1:11" ht="15" customHeight="1">
      <c r="A36" s="17" t="s">
        <v>69</v>
      </c>
      <c r="B36" s="17"/>
      <c r="C36" s="13">
        <v>3917</v>
      </c>
      <c r="D36" s="19">
        <v>2044</v>
      </c>
      <c r="E36" s="19">
        <v>1873</v>
      </c>
      <c r="F36" s="19"/>
      <c r="G36" s="18" t="s">
        <v>70</v>
      </c>
      <c r="H36" s="17"/>
      <c r="I36" s="13">
        <v>1553</v>
      </c>
      <c r="J36" s="19">
        <v>745</v>
      </c>
      <c r="K36" s="19">
        <v>808</v>
      </c>
    </row>
    <row r="37" spans="1:11" ht="15" customHeight="1">
      <c r="A37" s="17" t="s">
        <v>71</v>
      </c>
      <c r="B37" s="17"/>
      <c r="C37" s="13">
        <v>3865</v>
      </c>
      <c r="D37" s="19">
        <v>2005</v>
      </c>
      <c r="E37" s="19">
        <v>1860</v>
      </c>
      <c r="F37" s="19"/>
      <c r="G37" s="18" t="s">
        <v>72</v>
      </c>
      <c r="H37" s="17"/>
      <c r="I37" s="13">
        <v>1404</v>
      </c>
      <c r="J37" s="19">
        <v>645</v>
      </c>
      <c r="K37" s="19">
        <v>759</v>
      </c>
    </row>
    <row r="38" spans="1:11" ht="15" customHeight="1">
      <c r="A38" s="17" t="s">
        <v>73</v>
      </c>
      <c r="B38" s="17"/>
      <c r="C38" s="13">
        <v>3758</v>
      </c>
      <c r="D38" s="19">
        <v>1934</v>
      </c>
      <c r="E38" s="19">
        <v>1824</v>
      </c>
      <c r="F38" s="19"/>
      <c r="G38" s="18" t="s">
        <v>74</v>
      </c>
      <c r="H38" s="17"/>
      <c r="I38" s="13">
        <v>1711</v>
      </c>
      <c r="J38" s="19">
        <v>740</v>
      </c>
      <c r="K38" s="19">
        <v>971</v>
      </c>
    </row>
    <row r="39" spans="1:11" ht="15" customHeight="1">
      <c r="A39" s="17" t="s">
        <v>75</v>
      </c>
      <c r="B39" s="17"/>
      <c r="C39" s="13">
        <v>3580</v>
      </c>
      <c r="D39" s="19">
        <v>1811</v>
      </c>
      <c r="E39" s="19">
        <v>1769</v>
      </c>
      <c r="F39" s="19"/>
      <c r="G39" s="18" t="s">
        <v>76</v>
      </c>
      <c r="H39" s="17"/>
      <c r="I39" s="13">
        <v>1719</v>
      </c>
      <c r="J39" s="19">
        <v>773</v>
      </c>
      <c r="K39" s="19">
        <v>946</v>
      </c>
    </row>
    <row r="40" spans="1:11" ht="15" customHeight="1">
      <c r="A40" s="17" t="s">
        <v>77</v>
      </c>
      <c r="B40" s="17"/>
      <c r="C40" s="13">
        <v>3509</v>
      </c>
      <c r="D40" s="19">
        <v>1793</v>
      </c>
      <c r="E40" s="19">
        <v>1716</v>
      </c>
      <c r="F40" s="19"/>
      <c r="G40" s="18" t="s">
        <v>78</v>
      </c>
      <c r="H40" s="17"/>
      <c r="I40" s="13">
        <v>1655</v>
      </c>
      <c r="J40" s="19">
        <v>726</v>
      </c>
      <c r="K40" s="19">
        <v>929</v>
      </c>
    </row>
    <row r="41" spans="1:11" ht="20.100000000000001" customHeight="1">
      <c r="A41" s="17" t="s">
        <v>79</v>
      </c>
      <c r="B41" s="17"/>
      <c r="C41" s="13">
        <v>16243</v>
      </c>
      <c r="D41" s="14">
        <v>8495</v>
      </c>
      <c r="E41" s="14">
        <v>7748</v>
      </c>
      <c r="F41" s="14"/>
      <c r="G41" s="18" t="s">
        <v>80</v>
      </c>
      <c r="H41" s="17"/>
      <c r="I41" s="13">
        <v>6722</v>
      </c>
      <c r="J41" s="14">
        <v>2706</v>
      </c>
      <c r="K41" s="14">
        <v>4016</v>
      </c>
    </row>
    <row r="42" spans="1:11" ht="15" customHeight="1">
      <c r="A42" s="17" t="s">
        <v>81</v>
      </c>
      <c r="B42" s="17"/>
      <c r="C42" s="13">
        <v>3411</v>
      </c>
      <c r="D42" s="19">
        <v>1774</v>
      </c>
      <c r="E42" s="19">
        <v>1637</v>
      </c>
      <c r="F42" s="19"/>
      <c r="G42" s="18" t="s">
        <v>82</v>
      </c>
      <c r="H42" s="17"/>
      <c r="I42" s="13">
        <v>1651</v>
      </c>
      <c r="J42" s="19">
        <v>674</v>
      </c>
      <c r="K42" s="19">
        <v>977</v>
      </c>
    </row>
    <row r="43" spans="1:11" ht="15" customHeight="1">
      <c r="A43" s="17" t="s">
        <v>83</v>
      </c>
      <c r="B43" s="17"/>
      <c r="C43" s="13">
        <v>3256</v>
      </c>
      <c r="D43" s="19">
        <v>1702</v>
      </c>
      <c r="E43" s="19">
        <v>1554</v>
      </c>
      <c r="F43" s="19"/>
      <c r="G43" s="18" t="s">
        <v>84</v>
      </c>
      <c r="H43" s="17"/>
      <c r="I43" s="13">
        <v>1388</v>
      </c>
      <c r="J43" s="19">
        <v>585</v>
      </c>
      <c r="K43" s="19">
        <v>803</v>
      </c>
    </row>
    <row r="44" spans="1:11" ht="15" customHeight="1">
      <c r="A44" s="17" t="s">
        <v>85</v>
      </c>
      <c r="B44" s="17"/>
      <c r="C44" s="13">
        <v>3231</v>
      </c>
      <c r="D44" s="19">
        <v>1696</v>
      </c>
      <c r="E44" s="19">
        <v>1535</v>
      </c>
      <c r="F44" s="19"/>
      <c r="G44" s="18" t="s">
        <v>86</v>
      </c>
      <c r="H44" s="17"/>
      <c r="I44" s="13">
        <v>1258</v>
      </c>
      <c r="J44" s="19">
        <v>512</v>
      </c>
      <c r="K44" s="19">
        <v>746</v>
      </c>
    </row>
    <row r="45" spans="1:11" ht="15" customHeight="1">
      <c r="A45" s="17" t="s">
        <v>87</v>
      </c>
      <c r="B45" s="17"/>
      <c r="C45" s="13">
        <v>3219</v>
      </c>
      <c r="D45" s="19">
        <v>1710</v>
      </c>
      <c r="E45" s="19">
        <v>1509</v>
      </c>
      <c r="F45" s="19"/>
      <c r="G45" s="18" t="s">
        <v>88</v>
      </c>
      <c r="H45" s="17"/>
      <c r="I45" s="13">
        <v>1207</v>
      </c>
      <c r="J45" s="19">
        <v>490</v>
      </c>
      <c r="K45" s="19">
        <v>717</v>
      </c>
    </row>
    <row r="46" spans="1:11" ht="15" customHeight="1">
      <c r="A46" s="17" t="s">
        <v>89</v>
      </c>
      <c r="B46" s="17"/>
      <c r="C46" s="13">
        <v>3126</v>
      </c>
      <c r="D46" s="19">
        <v>1613</v>
      </c>
      <c r="E46" s="19">
        <v>1513</v>
      </c>
      <c r="F46" s="19"/>
      <c r="G46" s="18" t="s">
        <v>90</v>
      </c>
      <c r="H46" s="17"/>
      <c r="I46" s="13">
        <v>1218</v>
      </c>
      <c r="J46" s="19">
        <v>445</v>
      </c>
      <c r="K46" s="19">
        <v>773</v>
      </c>
    </row>
    <row r="47" spans="1:11" ht="20.100000000000001" customHeight="1">
      <c r="A47" s="17" t="s">
        <v>91</v>
      </c>
      <c r="B47" s="17"/>
      <c r="C47" s="13">
        <v>14984</v>
      </c>
      <c r="D47" s="14">
        <v>8045</v>
      </c>
      <c r="E47" s="14">
        <v>6939</v>
      </c>
      <c r="F47" s="14"/>
      <c r="G47" s="18" t="s">
        <v>92</v>
      </c>
      <c r="H47" s="17"/>
      <c r="I47" s="13">
        <v>4718</v>
      </c>
      <c r="J47" s="14">
        <v>1744</v>
      </c>
      <c r="K47" s="14">
        <v>2974</v>
      </c>
    </row>
    <row r="48" spans="1:11" ht="15" customHeight="1">
      <c r="A48" s="17" t="s">
        <v>93</v>
      </c>
      <c r="B48" s="17"/>
      <c r="C48" s="13">
        <v>2979</v>
      </c>
      <c r="D48" s="19">
        <v>1597</v>
      </c>
      <c r="E48" s="19">
        <v>1382</v>
      </c>
      <c r="F48" s="19"/>
      <c r="G48" s="18" t="s">
        <v>94</v>
      </c>
      <c r="H48" s="17"/>
      <c r="I48" s="13">
        <v>1185</v>
      </c>
      <c r="J48" s="19">
        <v>459</v>
      </c>
      <c r="K48" s="19">
        <v>726</v>
      </c>
    </row>
    <row r="49" spans="1:11" ht="15" customHeight="1">
      <c r="A49" s="17" t="s">
        <v>95</v>
      </c>
      <c r="B49" s="17"/>
      <c r="C49" s="13">
        <v>2931</v>
      </c>
      <c r="D49" s="19">
        <v>1587</v>
      </c>
      <c r="E49" s="19">
        <v>1344</v>
      </c>
      <c r="F49" s="19"/>
      <c r="G49" s="18" t="s">
        <v>96</v>
      </c>
      <c r="H49" s="17"/>
      <c r="I49" s="13">
        <v>1085</v>
      </c>
      <c r="J49" s="19">
        <v>404</v>
      </c>
      <c r="K49" s="19">
        <v>681</v>
      </c>
    </row>
    <row r="50" spans="1:11" ht="15" customHeight="1">
      <c r="A50" s="17" t="s">
        <v>97</v>
      </c>
      <c r="B50" s="17"/>
      <c r="C50" s="13">
        <v>3102</v>
      </c>
      <c r="D50" s="19">
        <v>1643</v>
      </c>
      <c r="E50" s="19">
        <v>1459</v>
      </c>
      <c r="F50" s="19"/>
      <c r="G50" s="18" t="s">
        <v>98</v>
      </c>
      <c r="H50" s="17"/>
      <c r="I50" s="13">
        <v>857</v>
      </c>
      <c r="J50" s="19">
        <v>306</v>
      </c>
      <c r="K50" s="19">
        <v>551</v>
      </c>
    </row>
    <row r="51" spans="1:11" ht="15" customHeight="1">
      <c r="A51" s="17" t="s">
        <v>99</v>
      </c>
      <c r="B51" s="17"/>
      <c r="C51" s="13">
        <v>3042</v>
      </c>
      <c r="D51" s="19">
        <v>1610</v>
      </c>
      <c r="E51" s="19">
        <v>1432</v>
      </c>
      <c r="F51" s="19"/>
      <c r="G51" s="18" t="s">
        <v>100</v>
      </c>
      <c r="H51" s="17"/>
      <c r="I51" s="13">
        <v>821</v>
      </c>
      <c r="J51" s="19">
        <v>308</v>
      </c>
      <c r="K51" s="19">
        <v>513</v>
      </c>
    </row>
    <row r="52" spans="1:11" ht="15" customHeight="1">
      <c r="A52" s="17" t="s">
        <v>101</v>
      </c>
      <c r="B52" s="17"/>
      <c r="C52" s="13">
        <v>2930</v>
      </c>
      <c r="D52" s="19">
        <v>1608</v>
      </c>
      <c r="E52" s="19">
        <v>1322</v>
      </c>
      <c r="F52" s="19"/>
      <c r="G52" s="18" t="s">
        <v>102</v>
      </c>
      <c r="H52" s="17"/>
      <c r="I52" s="13">
        <v>770</v>
      </c>
      <c r="J52" s="19">
        <v>267</v>
      </c>
      <c r="K52" s="19">
        <v>503</v>
      </c>
    </row>
    <row r="53" spans="1:11" ht="20.100000000000001" customHeight="1">
      <c r="A53" s="17" t="s">
        <v>103</v>
      </c>
      <c r="B53" s="17"/>
      <c r="C53" s="13">
        <v>14736</v>
      </c>
      <c r="D53" s="14">
        <v>7922</v>
      </c>
      <c r="E53" s="14">
        <v>6814</v>
      </c>
      <c r="F53" s="14"/>
      <c r="G53" s="18" t="s">
        <v>104</v>
      </c>
      <c r="H53" s="17"/>
      <c r="I53" s="13">
        <v>2377</v>
      </c>
      <c r="J53" s="14">
        <v>715</v>
      </c>
      <c r="K53" s="14">
        <v>1662</v>
      </c>
    </row>
    <row r="54" spans="1:11" ht="15" customHeight="1">
      <c r="A54" s="17" t="s">
        <v>105</v>
      </c>
      <c r="B54" s="17"/>
      <c r="C54" s="13">
        <v>2905</v>
      </c>
      <c r="D54" s="19">
        <v>1558</v>
      </c>
      <c r="E54" s="19">
        <v>1347</v>
      </c>
      <c r="F54" s="19"/>
      <c r="G54" s="18" t="s">
        <v>106</v>
      </c>
      <c r="H54" s="17"/>
      <c r="I54" s="13">
        <v>672</v>
      </c>
      <c r="J54" s="19">
        <v>219</v>
      </c>
      <c r="K54" s="19">
        <v>453</v>
      </c>
    </row>
    <row r="55" spans="1:11" ht="15" customHeight="1">
      <c r="A55" s="17" t="s">
        <v>107</v>
      </c>
      <c r="B55" s="17"/>
      <c r="C55" s="13">
        <v>2853</v>
      </c>
      <c r="D55" s="19">
        <v>1536</v>
      </c>
      <c r="E55" s="19">
        <v>1317</v>
      </c>
      <c r="F55" s="19"/>
      <c r="G55" s="18" t="s">
        <v>108</v>
      </c>
      <c r="H55" s="17"/>
      <c r="I55" s="13">
        <v>545</v>
      </c>
      <c r="J55" s="19">
        <v>182</v>
      </c>
      <c r="K55" s="19">
        <v>363</v>
      </c>
    </row>
    <row r="56" spans="1:11" ht="15" customHeight="1">
      <c r="A56" s="17" t="s">
        <v>109</v>
      </c>
      <c r="B56" s="17"/>
      <c r="C56" s="13">
        <v>2933</v>
      </c>
      <c r="D56" s="19">
        <v>1573</v>
      </c>
      <c r="E56" s="19">
        <v>1360</v>
      </c>
      <c r="F56" s="19"/>
      <c r="G56" s="18" t="s">
        <v>110</v>
      </c>
      <c r="H56" s="17"/>
      <c r="I56" s="13">
        <v>471</v>
      </c>
      <c r="J56" s="19">
        <v>134</v>
      </c>
      <c r="K56" s="19">
        <v>337</v>
      </c>
    </row>
    <row r="57" spans="1:11" ht="15" customHeight="1">
      <c r="A57" s="17" t="s">
        <v>111</v>
      </c>
      <c r="B57" s="17"/>
      <c r="C57" s="13">
        <v>2994</v>
      </c>
      <c r="D57" s="19">
        <v>1623</v>
      </c>
      <c r="E57" s="19">
        <v>1371</v>
      </c>
      <c r="F57" s="19"/>
      <c r="G57" s="18" t="s">
        <v>112</v>
      </c>
      <c r="H57" s="17"/>
      <c r="I57" s="13">
        <v>377</v>
      </c>
      <c r="J57" s="19">
        <v>100</v>
      </c>
      <c r="K57" s="19">
        <v>277</v>
      </c>
    </row>
    <row r="58" spans="1:11" ht="15" customHeight="1">
      <c r="A58" s="17" t="s">
        <v>113</v>
      </c>
      <c r="B58" s="17"/>
      <c r="C58" s="13">
        <v>3051</v>
      </c>
      <c r="D58" s="19">
        <v>1632</v>
      </c>
      <c r="E58" s="19">
        <v>1419</v>
      </c>
      <c r="F58" s="19"/>
      <c r="G58" s="18" t="s">
        <v>114</v>
      </c>
      <c r="H58" s="17"/>
      <c r="I58" s="13">
        <v>312</v>
      </c>
      <c r="J58" s="19">
        <v>80</v>
      </c>
      <c r="K58" s="19">
        <v>232</v>
      </c>
    </row>
    <row r="59" spans="1:11" ht="20.100000000000001" customHeight="1">
      <c r="A59" s="17" t="s">
        <v>115</v>
      </c>
      <c r="B59" s="17"/>
      <c r="C59" s="13">
        <v>16326</v>
      </c>
      <c r="D59" s="14">
        <v>8548</v>
      </c>
      <c r="E59" s="14">
        <v>7778</v>
      </c>
      <c r="F59" s="14"/>
      <c r="G59" s="18" t="s">
        <v>116</v>
      </c>
      <c r="H59" s="17"/>
      <c r="I59" s="13">
        <v>622</v>
      </c>
      <c r="J59" s="14">
        <v>140</v>
      </c>
      <c r="K59" s="14">
        <v>482</v>
      </c>
    </row>
    <row r="60" spans="1:11" ht="15" customHeight="1">
      <c r="A60" s="17" t="s">
        <v>117</v>
      </c>
      <c r="B60" s="17"/>
      <c r="C60" s="13">
        <v>3093</v>
      </c>
      <c r="D60" s="19">
        <v>1626</v>
      </c>
      <c r="E60" s="19">
        <v>1467</v>
      </c>
      <c r="F60" s="19"/>
      <c r="G60" s="18" t="s">
        <v>118</v>
      </c>
      <c r="H60" s="17"/>
      <c r="I60" s="13">
        <v>202</v>
      </c>
      <c r="J60" s="19">
        <v>53</v>
      </c>
      <c r="K60" s="19">
        <v>149</v>
      </c>
    </row>
    <row r="61" spans="1:11" ht="15" customHeight="1">
      <c r="A61" s="17" t="s">
        <v>119</v>
      </c>
      <c r="B61" s="17"/>
      <c r="C61" s="13">
        <v>3129</v>
      </c>
      <c r="D61" s="19">
        <v>1649</v>
      </c>
      <c r="E61" s="19">
        <v>1480</v>
      </c>
      <c r="F61" s="19"/>
      <c r="G61" s="18" t="s">
        <v>120</v>
      </c>
      <c r="H61" s="17"/>
      <c r="I61" s="13">
        <v>172</v>
      </c>
      <c r="J61" s="19">
        <v>39</v>
      </c>
      <c r="K61" s="19">
        <v>133</v>
      </c>
    </row>
    <row r="62" spans="1:11" ht="15" customHeight="1">
      <c r="A62" s="17" t="s">
        <v>121</v>
      </c>
      <c r="B62" s="17"/>
      <c r="C62" s="13">
        <v>3241</v>
      </c>
      <c r="D62" s="19">
        <v>1695</v>
      </c>
      <c r="E62" s="19">
        <v>1546</v>
      </c>
      <c r="F62" s="19"/>
      <c r="G62" s="18" t="s">
        <v>122</v>
      </c>
      <c r="H62" s="17"/>
      <c r="I62" s="13">
        <v>115</v>
      </c>
      <c r="J62" s="19">
        <v>21</v>
      </c>
      <c r="K62" s="19">
        <v>94</v>
      </c>
    </row>
    <row r="63" spans="1:11" ht="15" customHeight="1">
      <c r="A63" s="17" t="s">
        <v>123</v>
      </c>
      <c r="B63" s="17"/>
      <c r="C63" s="13">
        <v>3401</v>
      </c>
      <c r="D63" s="19">
        <v>1832</v>
      </c>
      <c r="E63" s="19">
        <v>1569</v>
      </c>
      <c r="F63" s="19"/>
      <c r="G63" s="18" t="s">
        <v>124</v>
      </c>
      <c r="H63" s="17"/>
      <c r="I63" s="13">
        <v>73</v>
      </c>
      <c r="J63" s="19">
        <v>16</v>
      </c>
      <c r="K63" s="19">
        <v>57</v>
      </c>
    </row>
    <row r="64" spans="1:11" ht="15" customHeight="1">
      <c r="A64" s="17" t="s">
        <v>125</v>
      </c>
      <c r="B64" s="17"/>
      <c r="C64" s="13">
        <v>3462</v>
      </c>
      <c r="D64" s="19">
        <v>1746</v>
      </c>
      <c r="E64" s="19">
        <v>1716</v>
      </c>
      <c r="F64" s="19"/>
      <c r="G64" s="18" t="s">
        <v>126</v>
      </c>
      <c r="H64" s="17"/>
      <c r="I64" s="13">
        <v>60</v>
      </c>
      <c r="J64" s="19">
        <v>11</v>
      </c>
      <c r="K64" s="19">
        <v>49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05</v>
      </c>
      <c r="J65" s="19">
        <v>16</v>
      </c>
      <c r="K65" s="19">
        <v>89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8588</v>
      </c>
      <c r="J66" s="27">
        <v>4941</v>
      </c>
      <c r="K66" s="27">
        <v>3647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8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34394</v>
      </c>
      <c r="D4" s="14">
        <v>113621</v>
      </c>
      <c r="E4" s="14">
        <v>12077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461</v>
      </c>
      <c r="D5" s="14">
        <v>4916</v>
      </c>
      <c r="E5" s="14">
        <v>4545</v>
      </c>
      <c r="F5" s="14"/>
      <c r="G5" s="18" t="s">
        <v>8</v>
      </c>
      <c r="H5" s="17"/>
      <c r="I5" s="13">
        <v>20380</v>
      </c>
      <c r="J5" s="14">
        <v>10093</v>
      </c>
      <c r="K5" s="14">
        <v>10287</v>
      </c>
    </row>
    <row r="6" spans="1:11" ht="15" customHeight="1">
      <c r="A6" s="17" t="s">
        <v>9</v>
      </c>
      <c r="B6" s="17"/>
      <c r="C6" s="13">
        <v>1751</v>
      </c>
      <c r="D6" s="19">
        <v>910</v>
      </c>
      <c r="E6" s="19">
        <v>841</v>
      </c>
      <c r="F6" s="19"/>
      <c r="G6" s="18" t="s">
        <v>10</v>
      </c>
      <c r="H6" s="17"/>
      <c r="I6" s="13">
        <v>4097</v>
      </c>
      <c r="J6" s="19">
        <v>1931</v>
      </c>
      <c r="K6" s="19">
        <v>2166</v>
      </c>
    </row>
    <row r="7" spans="1:11" ht="15" customHeight="1">
      <c r="A7" s="17" t="s">
        <v>11</v>
      </c>
      <c r="B7" s="17"/>
      <c r="C7" s="13">
        <v>1775</v>
      </c>
      <c r="D7" s="19">
        <v>935</v>
      </c>
      <c r="E7" s="19">
        <v>840</v>
      </c>
      <c r="F7" s="19"/>
      <c r="G7" s="18" t="s">
        <v>12</v>
      </c>
      <c r="H7" s="17"/>
      <c r="I7" s="13">
        <v>4102</v>
      </c>
      <c r="J7" s="19">
        <v>2052</v>
      </c>
      <c r="K7" s="19">
        <v>2050</v>
      </c>
    </row>
    <row r="8" spans="1:11" ht="15" customHeight="1">
      <c r="A8" s="17" t="s">
        <v>13</v>
      </c>
      <c r="B8" s="17"/>
      <c r="C8" s="13">
        <v>1888</v>
      </c>
      <c r="D8" s="19">
        <v>982</v>
      </c>
      <c r="E8" s="19">
        <v>906</v>
      </c>
      <c r="F8" s="19"/>
      <c r="G8" s="18" t="s">
        <v>14</v>
      </c>
      <c r="H8" s="17"/>
      <c r="I8" s="13">
        <v>4045</v>
      </c>
      <c r="J8" s="19">
        <v>1990</v>
      </c>
      <c r="K8" s="19">
        <v>2055</v>
      </c>
    </row>
    <row r="9" spans="1:11" ht="15" customHeight="1">
      <c r="A9" s="17" t="s">
        <v>15</v>
      </c>
      <c r="B9" s="17"/>
      <c r="C9" s="13">
        <v>2017</v>
      </c>
      <c r="D9" s="19">
        <v>1038</v>
      </c>
      <c r="E9" s="19">
        <v>979</v>
      </c>
      <c r="F9" s="19"/>
      <c r="G9" s="18" t="s">
        <v>16</v>
      </c>
      <c r="H9" s="17"/>
      <c r="I9" s="13">
        <v>4047</v>
      </c>
      <c r="J9" s="19">
        <v>2030</v>
      </c>
      <c r="K9" s="19">
        <v>2017</v>
      </c>
    </row>
    <row r="10" spans="1:11" ht="15" customHeight="1">
      <c r="A10" s="17" t="s">
        <v>17</v>
      </c>
      <c r="B10" s="17"/>
      <c r="C10" s="13">
        <v>2030</v>
      </c>
      <c r="D10" s="19">
        <v>1051</v>
      </c>
      <c r="E10" s="19">
        <v>979</v>
      </c>
      <c r="F10" s="19"/>
      <c r="G10" s="18" t="s">
        <v>18</v>
      </c>
      <c r="H10" s="17"/>
      <c r="I10" s="13">
        <v>4089</v>
      </c>
      <c r="J10" s="19">
        <v>2090</v>
      </c>
      <c r="K10" s="19">
        <v>1999</v>
      </c>
    </row>
    <row r="11" spans="1:11" ht="20.100000000000001" customHeight="1">
      <c r="A11" s="17" t="s">
        <v>19</v>
      </c>
      <c r="B11" s="17"/>
      <c r="C11" s="13">
        <v>11035</v>
      </c>
      <c r="D11" s="14">
        <v>5614</v>
      </c>
      <c r="E11" s="14">
        <v>5421</v>
      </c>
      <c r="F11" s="14"/>
      <c r="G11" s="18" t="s">
        <v>20</v>
      </c>
      <c r="H11" s="17"/>
      <c r="I11" s="13">
        <v>16305</v>
      </c>
      <c r="J11" s="14">
        <v>8328</v>
      </c>
      <c r="K11" s="14">
        <v>7977</v>
      </c>
    </row>
    <row r="12" spans="1:11" ht="15" customHeight="1">
      <c r="A12" s="17" t="s">
        <v>21</v>
      </c>
      <c r="B12" s="17"/>
      <c r="C12" s="13">
        <v>2185</v>
      </c>
      <c r="D12" s="19">
        <v>1120</v>
      </c>
      <c r="E12" s="19">
        <v>1065</v>
      </c>
      <c r="F12" s="19"/>
      <c r="G12" s="18" t="s">
        <v>22</v>
      </c>
      <c r="H12" s="17"/>
      <c r="I12" s="13">
        <v>2950</v>
      </c>
      <c r="J12" s="19">
        <v>1512</v>
      </c>
      <c r="K12" s="19">
        <v>1438</v>
      </c>
    </row>
    <row r="13" spans="1:11" ht="15" customHeight="1">
      <c r="A13" s="17" t="s">
        <v>23</v>
      </c>
      <c r="B13" s="17"/>
      <c r="C13" s="13">
        <v>2307</v>
      </c>
      <c r="D13" s="19">
        <v>1132</v>
      </c>
      <c r="E13" s="19">
        <v>1175</v>
      </c>
      <c r="F13" s="19"/>
      <c r="G13" s="18" t="s">
        <v>24</v>
      </c>
      <c r="H13" s="17"/>
      <c r="I13" s="13">
        <v>3878</v>
      </c>
      <c r="J13" s="19">
        <v>1918</v>
      </c>
      <c r="K13" s="19">
        <v>1960</v>
      </c>
    </row>
    <row r="14" spans="1:11" ht="15" customHeight="1">
      <c r="A14" s="17" t="s">
        <v>25</v>
      </c>
      <c r="B14" s="17"/>
      <c r="C14" s="13">
        <v>2125</v>
      </c>
      <c r="D14" s="19">
        <v>1079</v>
      </c>
      <c r="E14" s="19">
        <v>1046</v>
      </c>
      <c r="F14" s="19"/>
      <c r="G14" s="18" t="s">
        <v>26</v>
      </c>
      <c r="H14" s="17"/>
      <c r="I14" s="13">
        <v>3365</v>
      </c>
      <c r="J14" s="19">
        <v>1729</v>
      </c>
      <c r="K14" s="19">
        <v>1636</v>
      </c>
    </row>
    <row r="15" spans="1:11" ht="15" customHeight="1">
      <c r="A15" s="17" t="s">
        <v>27</v>
      </c>
      <c r="B15" s="17"/>
      <c r="C15" s="13">
        <v>2215</v>
      </c>
      <c r="D15" s="19">
        <v>1123</v>
      </c>
      <c r="E15" s="19">
        <v>1092</v>
      </c>
      <c r="F15" s="19"/>
      <c r="G15" s="18" t="s">
        <v>28</v>
      </c>
      <c r="H15" s="17"/>
      <c r="I15" s="13">
        <v>3138</v>
      </c>
      <c r="J15" s="19">
        <v>1597</v>
      </c>
      <c r="K15" s="19">
        <v>1541</v>
      </c>
    </row>
    <row r="16" spans="1:11" ht="15" customHeight="1">
      <c r="A16" s="17" t="s">
        <v>29</v>
      </c>
      <c r="B16" s="17"/>
      <c r="C16" s="13">
        <v>2203</v>
      </c>
      <c r="D16" s="19">
        <v>1160</v>
      </c>
      <c r="E16" s="19">
        <v>1043</v>
      </c>
      <c r="F16" s="19"/>
      <c r="G16" s="18" t="s">
        <v>30</v>
      </c>
      <c r="H16" s="17"/>
      <c r="I16" s="13">
        <v>2974</v>
      </c>
      <c r="J16" s="19">
        <v>1572</v>
      </c>
      <c r="K16" s="19">
        <v>1402</v>
      </c>
    </row>
    <row r="17" spans="1:11" ht="20.100000000000001" customHeight="1">
      <c r="A17" s="20" t="s">
        <v>31</v>
      </c>
      <c r="B17" s="20"/>
      <c r="C17" s="13">
        <v>10953</v>
      </c>
      <c r="D17" s="14">
        <v>5682</v>
      </c>
      <c r="E17" s="14">
        <v>5271</v>
      </c>
      <c r="F17" s="14"/>
      <c r="G17" s="18" t="s">
        <v>32</v>
      </c>
      <c r="H17" s="17"/>
      <c r="I17" s="13">
        <v>12156</v>
      </c>
      <c r="J17" s="14">
        <v>6112</v>
      </c>
      <c r="K17" s="14">
        <v>6044</v>
      </c>
    </row>
    <row r="18" spans="1:11" ht="15" customHeight="1">
      <c r="A18" s="17" t="s">
        <v>33</v>
      </c>
      <c r="B18" s="17"/>
      <c r="C18" s="13">
        <v>2212</v>
      </c>
      <c r="D18" s="19">
        <v>1137</v>
      </c>
      <c r="E18" s="19">
        <v>1075</v>
      </c>
      <c r="F18" s="19"/>
      <c r="G18" s="18" t="s">
        <v>34</v>
      </c>
      <c r="H18" s="17"/>
      <c r="I18" s="13">
        <v>2727</v>
      </c>
      <c r="J18" s="19">
        <v>1369</v>
      </c>
      <c r="K18" s="19">
        <v>1358</v>
      </c>
    </row>
    <row r="19" spans="1:11" ht="15" customHeight="1">
      <c r="A19" s="17" t="s">
        <v>35</v>
      </c>
      <c r="B19" s="17"/>
      <c r="C19" s="13">
        <v>2148</v>
      </c>
      <c r="D19" s="19">
        <v>1139</v>
      </c>
      <c r="E19" s="19">
        <v>1009</v>
      </c>
      <c r="F19" s="19"/>
      <c r="G19" s="18" t="s">
        <v>36</v>
      </c>
      <c r="H19" s="17"/>
      <c r="I19" s="13">
        <v>2539</v>
      </c>
      <c r="J19" s="19">
        <v>1292</v>
      </c>
      <c r="K19" s="19">
        <v>1247</v>
      </c>
    </row>
    <row r="20" spans="1:11" ht="15" customHeight="1">
      <c r="A20" s="17" t="s">
        <v>37</v>
      </c>
      <c r="B20" s="17"/>
      <c r="C20" s="13">
        <v>2169</v>
      </c>
      <c r="D20" s="19">
        <v>1106</v>
      </c>
      <c r="E20" s="19">
        <v>1063</v>
      </c>
      <c r="F20" s="19"/>
      <c r="G20" s="18" t="s">
        <v>38</v>
      </c>
      <c r="H20" s="17"/>
      <c r="I20" s="13">
        <v>2450</v>
      </c>
      <c r="J20" s="19">
        <v>1227</v>
      </c>
      <c r="K20" s="19">
        <v>1223</v>
      </c>
    </row>
    <row r="21" spans="1:11" ht="15" customHeight="1">
      <c r="A21" s="17" t="s">
        <v>39</v>
      </c>
      <c r="B21" s="17"/>
      <c r="C21" s="13">
        <v>2236</v>
      </c>
      <c r="D21" s="19">
        <v>1152</v>
      </c>
      <c r="E21" s="19">
        <v>1084</v>
      </c>
      <c r="F21" s="19"/>
      <c r="G21" s="18" t="s">
        <v>40</v>
      </c>
      <c r="H21" s="17"/>
      <c r="I21" s="13">
        <v>2347</v>
      </c>
      <c r="J21" s="19">
        <v>1172</v>
      </c>
      <c r="K21" s="19">
        <v>1175</v>
      </c>
    </row>
    <row r="22" spans="1:11" ht="15" customHeight="1">
      <c r="A22" s="17" t="s">
        <v>41</v>
      </c>
      <c r="B22" s="17"/>
      <c r="C22" s="13">
        <v>2188</v>
      </c>
      <c r="D22" s="19">
        <v>1148</v>
      </c>
      <c r="E22" s="19">
        <v>1040</v>
      </c>
      <c r="F22" s="19"/>
      <c r="G22" s="18" t="s">
        <v>42</v>
      </c>
      <c r="H22" s="17"/>
      <c r="I22" s="13">
        <v>2093</v>
      </c>
      <c r="J22" s="19">
        <v>1052</v>
      </c>
      <c r="K22" s="19">
        <v>1041</v>
      </c>
    </row>
    <row r="23" spans="1:11" ht="20.100000000000001" customHeight="1">
      <c r="A23" s="17" t="s">
        <v>43</v>
      </c>
      <c r="B23" s="17"/>
      <c r="C23" s="13">
        <v>10627</v>
      </c>
      <c r="D23" s="14">
        <v>5373</v>
      </c>
      <c r="E23" s="14">
        <v>5254</v>
      </c>
      <c r="F23" s="14"/>
      <c r="G23" s="18" t="s">
        <v>44</v>
      </c>
      <c r="H23" s="17"/>
      <c r="I23" s="13">
        <v>10402</v>
      </c>
      <c r="J23" s="14">
        <v>5097</v>
      </c>
      <c r="K23" s="14">
        <v>5305</v>
      </c>
    </row>
    <row r="24" spans="1:11" ht="15" customHeight="1">
      <c r="A24" s="17" t="s">
        <v>45</v>
      </c>
      <c r="B24" s="17"/>
      <c r="C24" s="13">
        <v>2114</v>
      </c>
      <c r="D24" s="19">
        <v>1107</v>
      </c>
      <c r="E24" s="19">
        <v>1007</v>
      </c>
      <c r="F24" s="19"/>
      <c r="G24" s="18" t="s">
        <v>46</v>
      </c>
      <c r="H24" s="17"/>
      <c r="I24" s="13">
        <v>2048</v>
      </c>
      <c r="J24" s="19">
        <v>1036</v>
      </c>
      <c r="K24" s="19">
        <v>1012</v>
      </c>
    </row>
    <row r="25" spans="1:11" ht="15" customHeight="1">
      <c r="A25" s="17" t="s">
        <v>47</v>
      </c>
      <c r="B25" s="17"/>
      <c r="C25" s="13">
        <v>2094</v>
      </c>
      <c r="D25" s="19">
        <v>1039</v>
      </c>
      <c r="E25" s="19">
        <v>1055</v>
      </c>
      <c r="F25" s="19"/>
      <c r="G25" s="18" t="s">
        <v>48</v>
      </c>
      <c r="H25" s="17"/>
      <c r="I25" s="13">
        <v>1988</v>
      </c>
      <c r="J25" s="19">
        <v>992</v>
      </c>
      <c r="K25" s="19">
        <v>996</v>
      </c>
    </row>
    <row r="26" spans="1:11" ht="15" customHeight="1">
      <c r="A26" s="17" t="s">
        <v>49</v>
      </c>
      <c r="B26" s="17"/>
      <c r="C26" s="13">
        <v>2043</v>
      </c>
      <c r="D26" s="19">
        <v>1045</v>
      </c>
      <c r="E26" s="19">
        <v>998</v>
      </c>
      <c r="F26" s="19"/>
      <c r="G26" s="18" t="s">
        <v>50</v>
      </c>
      <c r="H26" s="17"/>
      <c r="I26" s="13">
        <v>2082</v>
      </c>
      <c r="J26" s="19">
        <v>1029</v>
      </c>
      <c r="K26" s="19">
        <v>1053</v>
      </c>
    </row>
    <row r="27" spans="1:11" ht="15" customHeight="1">
      <c r="A27" s="17" t="s">
        <v>51</v>
      </c>
      <c r="B27" s="17"/>
      <c r="C27" s="13">
        <v>2078</v>
      </c>
      <c r="D27" s="19">
        <v>1019</v>
      </c>
      <c r="E27" s="19">
        <v>1059</v>
      </c>
      <c r="F27" s="19"/>
      <c r="G27" s="18" t="s">
        <v>52</v>
      </c>
      <c r="H27" s="17"/>
      <c r="I27" s="13">
        <v>2063</v>
      </c>
      <c r="J27" s="19">
        <v>977</v>
      </c>
      <c r="K27" s="19">
        <v>1086</v>
      </c>
    </row>
    <row r="28" spans="1:11" ht="15" customHeight="1">
      <c r="A28" s="17" t="s">
        <v>53</v>
      </c>
      <c r="B28" s="17"/>
      <c r="C28" s="13">
        <v>2298</v>
      </c>
      <c r="D28" s="19">
        <v>1163</v>
      </c>
      <c r="E28" s="19">
        <v>1135</v>
      </c>
      <c r="F28" s="19"/>
      <c r="G28" s="18" t="s">
        <v>54</v>
      </c>
      <c r="H28" s="17"/>
      <c r="I28" s="13">
        <v>2221</v>
      </c>
      <c r="J28" s="19">
        <v>1063</v>
      </c>
      <c r="K28" s="19">
        <v>1158</v>
      </c>
    </row>
    <row r="29" spans="1:11" ht="20.100000000000001" customHeight="1">
      <c r="A29" s="17" t="s">
        <v>55</v>
      </c>
      <c r="B29" s="17"/>
      <c r="C29" s="13">
        <v>12795</v>
      </c>
      <c r="D29" s="14">
        <v>6307</v>
      </c>
      <c r="E29" s="14">
        <v>6488</v>
      </c>
      <c r="F29" s="14"/>
      <c r="G29" s="18" t="s">
        <v>56</v>
      </c>
      <c r="H29" s="17"/>
      <c r="I29" s="13">
        <v>12723</v>
      </c>
      <c r="J29" s="14">
        <v>5901</v>
      </c>
      <c r="K29" s="14">
        <v>6822</v>
      </c>
    </row>
    <row r="30" spans="1:11" ht="15" customHeight="1">
      <c r="A30" s="17" t="s">
        <v>57</v>
      </c>
      <c r="B30" s="17"/>
      <c r="C30" s="13">
        <v>2351</v>
      </c>
      <c r="D30" s="19">
        <v>1176</v>
      </c>
      <c r="E30" s="19">
        <v>1175</v>
      </c>
      <c r="F30" s="19"/>
      <c r="G30" s="18" t="s">
        <v>58</v>
      </c>
      <c r="H30" s="17"/>
      <c r="I30" s="13">
        <v>2247</v>
      </c>
      <c r="J30" s="19">
        <v>1056</v>
      </c>
      <c r="K30" s="19">
        <v>1191</v>
      </c>
    </row>
    <row r="31" spans="1:11" ht="15" customHeight="1">
      <c r="A31" s="17" t="s">
        <v>59</v>
      </c>
      <c r="B31" s="17"/>
      <c r="C31" s="13">
        <v>2602</v>
      </c>
      <c r="D31" s="19">
        <v>1282</v>
      </c>
      <c r="E31" s="19">
        <v>1320</v>
      </c>
      <c r="F31" s="19"/>
      <c r="G31" s="18" t="s">
        <v>60</v>
      </c>
      <c r="H31" s="17"/>
      <c r="I31" s="13">
        <v>2386</v>
      </c>
      <c r="J31" s="19">
        <v>1136</v>
      </c>
      <c r="K31" s="19">
        <v>1250</v>
      </c>
    </row>
    <row r="32" spans="1:11" ht="15" customHeight="1">
      <c r="A32" s="17" t="s">
        <v>61</v>
      </c>
      <c r="B32" s="17"/>
      <c r="C32" s="13">
        <v>2590</v>
      </c>
      <c r="D32" s="19">
        <v>1276</v>
      </c>
      <c r="E32" s="19">
        <v>1314</v>
      </c>
      <c r="F32" s="19"/>
      <c r="G32" s="18" t="s">
        <v>62</v>
      </c>
      <c r="H32" s="17"/>
      <c r="I32" s="13">
        <v>2771</v>
      </c>
      <c r="J32" s="19">
        <v>1255</v>
      </c>
      <c r="K32" s="19">
        <v>1516</v>
      </c>
    </row>
    <row r="33" spans="1:11" ht="15" customHeight="1">
      <c r="A33" s="17" t="s">
        <v>63</v>
      </c>
      <c r="B33" s="17"/>
      <c r="C33" s="13">
        <v>2695</v>
      </c>
      <c r="D33" s="19">
        <v>1332</v>
      </c>
      <c r="E33" s="19">
        <v>1363</v>
      </c>
      <c r="F33" s="19"/>
      <c r="G33" s="18" t="s">
        <v>64</v>
      </c>
      <c r="H33" s="17"/>
      <c r="I33" s="13">
        <v>2687</v>
      </c>
      <c r="J33" s="19">
        <v>1245</v>
      </c>
      <c r="K33" s="19">
        <v>1442</v>
      </c>
    </row>
    <row r="34" spans="1:11" ht="15" customHeight="1">
      <c r="A34" s="17" t="s">
        <v>65</v>
      </c>
      <c r="B34" s="17"/>
      <c r="C34" s="13">
        <v>2557</v>
      </c>
      <c r="D34" s="19">
        <v>1241</v>
      </c>
      <c r="E34" s="19">
        <v>1316</v>
      </c>
      <c r="F34" s="19"/>
      <c r="G34" s="18" t="s">
        <v>66</v>
      </c>
      <c r="H34" s="17"/>
      <c r="I34" s="13">
        <v>2632</v>
      </c>
      <c r="J34" s="19">
        <v>1209</v>
      </c>
      <c r="K34" s="19">
        <v>1423</v>
      </c>
    </row>
    <row r="35" spans="1:11" ht="20.100000000000001" customHeight="1">
      <c r="A35" s="17" t="s">
        <v>67</v>
      </c>
      <c r="B35" s="17"/>
      <c r="C35" s="13">
        <v>12109</v>
      </c>
      <c r="D35" s="14">
        <v>5771</v>
      </c>
      <c r="E35" s="14">
        <v>6338</v>
      </c>
      <c r="F35" s="14"/>
      <c r="G35" s="18" t="s">
        <v>68</v>
      </c>
      <c r="H35" s="17"/>
      <c r="I35" s="13">
        <v>9570</v>
      </c>
      <c r="J35" s="14">
        <v>4201</v>
      </c>
      <c r="K35" s="14">
        <v>5369</v>
      </c>
    </row>
    <row r="36" spans="1:11" ht="15" customHeight="1">
      <c r="A36" s="17" t="s">
        <v>69</v>
      </c>
      <c r="B36" s="17"/>
      <c r="C36" s="13">
        <v>2519</v>
      </c>
      <c r="D36" s="19">
        <v>1218</v>
      </c>
      <c r="E36" s="19">
        <v>1301</v>
      </c>
      <c r="F36" s="19"/>
      <c r="G36" s="18" t="s">
        <v>70</v>
      </c>
      <c r="H36" s="17"/>
      <c r="I36" s="13">
        <v>1796</v>
      </c>
      <c r="J36" s="19">
        <v>815</v>
      </c>
      <c r="K36" s="19">
        <v>981</v>
      </c>
    </row>
    <row r="37" spans="1:11" ht="15" customHeight="1">
      <c r="A37" s="17" t="s">
        <v>71</v>
      </c>
      <c r="B37" s="17"/>
      <c r="C37" s="13">
        <v>2387</v>
      </c>
      <c r="D37" s="19">
        <v>1123</v>
      </c>
      <c r="E37" s="19">
        <v>1264</v>
      </c>
      <c r="F37" s="19"/>
      <c r="G37" s="18" t="s">
        <v>72</v>
      </c>
      <c r="H37" s="17"/>
      <c r="I37" s="13">
        <v>1649</v>
      </c>
      <c r="J37" s="19">
        <v>716</v>
      </c>
      <c r="K37" s="19">
        <v>933</v>
      </c>
    </row>
    <row r="38" spans="1:11" ht="15" customHeight="1">
      <c r="A38" s="17" t="s">
        <v>73</v>
      </c>
      <c r="B38" s="17"/>
      <c r="C38" s="13">
        <v>2557</v>
      </c>
      <c r="D38" s="19">
        <v>1227</v>
      </c>
      <c r="E38" s="19">
        <v>1330</v>
      </c>
      <c r="F38" s="19"/>
      <c r="G38" s="18" t="s">
        <v>74</v>
      </c>
      <c r="H38" s="17"/>
      <c r="I38" s="13">
        <v>1980</v>
      </c>
      <c r="J38" s="19">
        <v>866</v>
      </c>
      <c r="K38" s="19">
        <v>1114</v>
      </c>
    </row>
    <row r="39" spans="1:11" ht="15" customHeight="1">
      <c r="A39" s="17" t="s">
        <v>75</v>
      </c>
      <c r="B39" s="17"/>
      <c r="C39" s="13">
        <v>2346</v>
      </c>
      <c r="D39" s="19">
        <v>1142</v>
      </c>
      <c r="E39" s="19">
        <v>1204</v>
      </c>
      <c r="F39" s="19"/>
      <c r="G39" s="18" t="s">
        <v>76</v>
      </c>
      <c r="H39" s="17"/>
      <c r="I39" s="13">
        <v>2148</v>
      </c>
      <c r="J39" s="19">
        <v>930</v>
      </c>
      <c r="K39" s="19">
        <v>1218</v>
      </c>
    </row>
    <row r="40" spans="1:11" ht="15" customHeight="1">
      <c r="A40" s="17" t="s">
        <v>77</v>
      </c>
      <c r="B40" s="17"/>
      <c r="C40" s="13">
        <v>2300</v>
      </c>
      <c r="D40" s="19">
        <v>1061</v>
      </c>
      <c r="E40" s="19">
        <v>1239</v>
      </c>
      <c r="F40" s="19"/>
      <c r="G40" s="18" t="s">
        <v>78</v>
      </c>
      <c r="H40" s="17"/>
      <c r="I40" s="13">
        <v>1997</v>
      </c>
      <c r="J40" s="19">
        <v>874</v>
      </c>
      <c r="K40" s="19">
        <v>1123</v>
      </c>
    </row>
    <row r="41" spans="1:11" ht="20.100000000000001" customHeight="1">
      <c r="A41" s="17" t="s">
        <v>79</v>
      </c>
      <c r="B41" s="17"/>
      <c r="C41" s="13">
        <v>12565</v>
      </c>
      <c r="D41" s="14">
        <v>6149</v>
      </c>
      <c r="E41" s="14">
        <v>6416</v>
      </c>
      <c r="F41" s="14"/>
      <c r="G41" s="18" t="s">
        <v>80</v>
      </c>
      <c r="H41" s="17"/>
      <c r="I41" s="13">
        <v>7692</v>
      </c>
      <c r="J41" s="14">
        <v>3282</v>
      </c>
      <c r="K41" s="14">
        <v>4410</v>
      </c>
    </row>
    <row r="42" spans="1:11" ht="15" customHeight="1">
      <c r="A42" s="17" t="s">
        <v>81</v>
      </c>
      <c r="B42" s="17"/>
      <c r="C42" s="13">
        <v>2451</v>
      </c>
      <c r="D42" s="19">
        <v>1216</v>
      </c>
      <c r="E42" s="19">
        <v>1235</v>
      </c>
      <c r="F42" s="19"/>
      <c r="G42" s="18" t="s">
        <v>82</v>
      </c>
      <c r="H42" s="17"/>
      <c r="I42" s="13">
        <v>1906</v>
      </c>
      <c r="J42" s="19">
        <v>823</v>
      </c>
      <c r="K42" s="19">
        <v>1083</v>
      </c>
    </row>
    <row r="43" spans="1:11" ht="15" customHeight="1">
      <c r="A43" s="17" t="s">
        <v>83</v>
      </c>
      <c r="B43" s="17"/>
      <c r="C43" s="13">
        <v>2435</v>
      </c>
      <c r="D43" s="19">
        <v>1184</v>
      </c>
      <c r="E43" s="19">
        <v>1251</v>
      </c>
      <c r="F43" s="19"/>
      <c r="G43" s="18" t="s">
        <v>84</v>
      </c>
      <c r="H43" s="17"/>
      <c r="I43" s="13">
        <v>1691</v>
      </c>
      <c r="J43" s="19">
        <v>727</v>
      </c>
      <c r="K43" s="19">
        <v>964</v>
      </c>
    </row>
    <row r="44" spans="1:11" ht="15" customHeight="1">
      <c r="A44" s="17" t="s">
        <v>85</v>
      </c>
      <c r="B44" s="17"/>
      <c r="C44" s="13">
        <v>2488</v>
      </c>
      <c r="D44" s="19">
        <v>1241</v>
      </c>
      <c r="E44" s="19">
        <v>1247</v>
      </c>
      <c r="F44" s="19"/>
      <c r="G44" s="18" t="s">
        <v>86</v>
      </c>
      <c r="H44" s="17"/>
      <c r="I44" s="13">
        <v>1394</v>
      </c>
      <c r="J44" s="19">
        <v>606</v>
      </c>
      <c r="K44" s="19">
        <v>788</v>
      </c>
    </row>
    <row r="45" spans="1:11" ht="15" customHeight="1">
      <c r="A45" s="17" t="s">
        <v>87</v>
      </c>
      <c r="B45" s="17"/>
      <c r="C45" s="13">
        <v>2545</v>
      </c>
      <c r="D45" s="19">
        <v>1224</v>
      </c>
      <c r="E45" s="19">
        <v>1321</v>
      </c>
      <c r="F45" s="19"/>
      <c r="G45" s="18" t="s">
        <v>88</v>
      </c>
      <c r="H45" s="17"/>
      <c r="I45" s="13">
        <v>1342</v>
      </c>
      <c r="J45" s="19">
        <v>561</v>
      </c>
      <c r="K45" s="19">
        <v>781</v>
      </c>
    </row>
    <row r="46" spans="1:11" ht="15" customHeight="1">
      <c r="A46" s="17" t="s">
        <v>89</v>
      </c>
      <c r="B46" s="17"/>
      <c r="C46" s="13">
        <v>2646</v>
      </c>
      <c r="D46" s="19">
        <v>1284</v>
      </c>
      <c r="E46" s="19">
        <v>1362</v>
      </c>
      <c r="F46" s="19"/>
      <c r="G46" s="18" t="s">
        <v>90</v>
      </c>
      <c r="H46" s="17"/>
      <c r="I46" s="13">
        <v>1359</v>
      </c>
      <c r="J46" s="19">
        <v>565</v>
      </c>
      <c r="K46" s="19">
        <v>794</v>
      </c>
    </row>
    <row r="47" spans="1:11" ht="20.100000000000001" customHeight="1">
      <c r="A47" s="17" t="s">
        <v>91</v>
      </c>
      <c r="B47" s="17"/>
      <c r="C47" s="13">
        <v>14882</v>
      </c>
      <c r="D47" s="14">
        <v>7385</v>
      </c>
      <c r="E47" s="14">
        <v>7497</v>
      </c>
      <c r="F47" s="14"/>
      <c r="G47" s="18" t="s">
        <v>92</v>
      </c>
      <c r="H47" s="17"/>
      <c r="I47" s="13">
        <v>4792</v>
      </c>
      <c r="J47" s="14">
        <v>1866</v>
      </c>
      <c r="K47" s="14">
        <v>2926</v>
      </c>
    </row>
    <row r="48" spans="1:11" ht="15" customHeight="1">
      <c r="A48" s="17" t="s">
        <v>93</v>
      </c>
      <c r="B48" s="17"/>
      <c r="C48" s="13">
        <v>2674</v>
      </c>
      <c r="D48" s="19">
        <v>1334</v>
      </c>
      <c r="E48" s="19">
        <v>1340</v>
      </c>
      <c r="F48" s="19"/>
      <c r="G48" s="18" t="s">
        <v>94</v>
      </c>
      <c r="H48" s="17"/>
      <c r="I48" s="13">
        <v>1216</v>
      </c>
      <c r="J48" s="19">
        <v>523</v>
      </c>
      <c r="K48" s="19">
        <v>693</v>
      </c>
    </row>
    <row r="49" spans="1:11" ht="15" customHeight="1">
      <c r="A49" s="17" t="s">
        <v>95</v>
      </c>
      <c r="B49" s="17"/>
      <c r="C49" s="13">
        <v>2968</v>
      </c>
      <c r="D49" s="19">
        <v>1448</v>
      </c>
      <c r="E49" s="19">
        <v>1520</v>
      </c>
      <c r="F49" s="19"/>
      <c r="G49" s="18" t="s">
        <v>96</v>
      </c>
      <c r="H49" s="17"/>
      <c r="I49" s="13">
        <v>1127</v>
      </c>
      <c r="J49" s="19">
        <v>431</v>
      </c>
      <c r="K49" s="19">
        <v>696</v>
      </c>
    </row>
    <row r="50" spans="1:11" ht="15" customHeight="1">
      <c r="A50" s="17" t="s">
        <v>97</v>
      </c>
      <c r="B50" s="17"/>
      <c r="C50" s="13">
        <v>3010</v>
      </c>
      <c r="D50" s="19">
        <v>1491</v>
      </c>
      <c r="E50" s="19">
        <v>1519</v>
      </c>
      <c r="F50" s="19"/>
      <c r="G50" s="18" t="s">
        <v>98</v>
      </c>
      <c r="H50" s="17"/>
      <c r="I50" s="13">
        <v>878</v>
      </c>
      <c r="J50" s="19">
        <v>327</v>
      </c>
      <c r="K50" s="19">
        <v>551</v>
      </c>
    </row>
    <row r="51" spans="1:11" ht="15" customHeight="1">
      <c r="A51" s="17" t="s">
        <v>99</v>
      </c>
      <c r="B51" s="17"/>
      <c r="C51" s="13">
        <v>3192</v>
      </c>
      <c r="D51" s="19">
        <v>1586</v>
      </c>
      <c r="E51" s="19">
        <v>1606</v>
      </c>
      <c r="F51" s="19"/>
      <c r="G51" s="18" t="s">
        <v>100</v>
      </c>
      <c r="H51" s="17"/>
      <c r="I51" s="13">
        <v>859</v>
      </c>
      <c r="J51" s="19">
        <v>334</v>
      </c>
      <c r="K51" s="19">
        <v>525</v>
      </c>
    </row>
    <row r="52" spans="1:11" ht="15" customHeight="1">
      <c r="A52" s="17" t="s">
        <v>101</v>
      </c>
      <c r="B52" s="17"/>
      <c r="C52" s="13">
        <v>3038</v>
      </c>
      <c r="D52" s="19">
        <v>1526</v>
      </c>
      <c r="E52" s="19">
        <v>1512</v>
      </c>
      <c r="F52" s="19"/>
      <c r="G52" s="18" t="s">
        <v>102</v>
      </c>
      <c r="H52" s="17"/>
      <c r="I52" s="13">
        <v>712</v>
      </c>
      <c r="J52" s="19">
        <v>251</v>
      </c>
      <c r="K52" s="19">
        <v>461</v>
      </c>
    </row>
    <row r="53" spans="1:11" ht="20.100000000000001" customHeight="1">
      <c r="A53" s="17" t="s">
        <v>103</v>
      </c>
      <c r="B53" s="17"/>
      <c r="C53" s="13">
        <v>17120</v>
      </c>
      <c r="D53" s="14">
        <v>8474</v>
      </c>
      <c r="E53" s="14">
        <v>8646</v>
      </c>
      <c r="F53" s="14"/>
      <c r="G53" s="18" t="s">
        <v>104</v>
      </c>
      <c r="H53" s="17"/>
      <c r="I53" s="13">
        <v>1964</v>
      </c>
      <c r="J53" s="14">
        <v>595</v>
      </c>
      <c r="K53" s="14">
        <v>1369</v>
      </c>
    </row>
    <row r="54" spans="1:11" ht="15" customHeight="1">
      <c r="A54" s="17" t="s">
        <v>105</v>
      </c>
      <c r="B54" s="17"/>
      <c r="C54" s="13">
        <v>3243</v>
      </c>
      <c r="D54" s="19">
        <v>1640</v>
      </c>
      <c r="E54" s="19">
        <v>1603</v>
      </c>
      <c r="F54" s="19"/>
      <c r="G54" s="18" t="s">
        <v>106</v>
      </c>
      <c r="H54" s="17"/>
      <c r="I54" s="13">
        <v>561</v>
      </c>
      <c r="J54" s="19">
        <v>188</v>
      </c>
      <c r="K54" s="19">
        <v>373</v>
      </c>
    </row>
    <row r="55" spans="1:11" ht="15" customHeight="1">
      <c r="A55" s="17" t="s">
        <v>107</v>
      </c>
      <c r="B55" s="17"/>
      <c r="C55" s="13">
        <v>3294</v>
      </c>
      <c r="D55" s="19">
        <v>1629</v>
      </c>
      <c r="E55" s="19">
        <v>1665</v>
      </c>
      <c r="F55" s="19"/>
      <c r="G55" s="18" t="s">
        <v>108</v>
      </c>
      <c r="H55" s="17"/>
      <c r="I55" s="13">
        <v>484</v>
      </c>
      <c r="J55" s="19">
        <v>151</v>
      </c>
      <c r="K55" s="19">
        <v>333</v>
      </c>
    </row>
    <row r="56" spans="1:11" ht="15" customHeight="1">
      <c r="A56" s="17" t="s">
        <v>109</v>
      </c>
      <c r="B56" s="17"/>
      <c r="C56" s="13">
        <v>3426</v>
      </c>
      <c r="D56" s="19">
        <v>1665</v>
      </c>
      <c r="E56" s="19">
        <v>1761</v>
      </c>
      <c r="F56" s="19"/>
      <c r="G56" s="18" t="s">
        <v>110</v>
      </c>
      <c r="H56" s="17"/>
      <c r="I56" s="13">
        <v>379</v>
      </c>
      <c r="J56" s="19">
        <v>119</v>
      </c>
      <c r="K56" s="19">
        <v>260</v>
      </c>
    </row>
    <row r="57" spans="1:11" ht="15" customHeight="1">
      <c r="A57" s="17" t="s">
        <v>111</v>
      </c>
      <c r="B57" s="17"/>
      <c r="C57" s="13">
        <v>3567</v>
      </c>
      <c r="D57" s="19">
        <v>1786</v>
      </c>
      <c r="E57" s="19">
        <v>1781</v>
      </c>
      <c r="F57" s="19"/>
      <c r="G57" s="18" t="s">
        <v>112</v>
      </c>
      <c r="H57" s="17"/>
      <c r="I57" s="13">
        <v>320</v>
      </c>
      <c r="J57" s="19">
        <v>77</v>
      </c>
      <c r="K57" s="19">
        <v>243</v>
      </c>
    </row>
    <row r="58" spans="1:11" ht="15" customHeight="1">
      <c r="A58" s="17" t="s">
        <v>113</v>
      </c>
      <c r="B58" s="17"/>
      <c r="C58" s="13">
        <v>3590</v>
      </c>
      <c r="D58" s="19">
        <v>1754</v>
      </c>
      <c r="E58" s="19">
        <v>1836</v>
      </c>
      <c r="F58" s="19"/>
      <c r="G58" s="18" t="s">
        <v>114</v>
      </c>
      <c r="H58" s="17"/>
      <c r="I58" s="13">
        <v>220</v>
      </c>
      <c r="J58" s="19">
        <v>60</v>
      </c>
      <c r="K58" s="19">
        <v>160</v>
      </c>
    </row>
    <row r="59" spans="1:11" ht="20.100000000000001" customHeight="1">
      <c r="A59" s="17" t="s">
        <v>115</v>
      </c>
      <c r="B59" s="17"/>
      <c r="C59" s="13">
        <v>19703</v>
      </c>
      <c r="D59" s="14">
        <v>9812</v>
      </c>
      <c r="E59" s="14">
        <v>9891</v>
      </c>
      <c r="F59" s="14"/>
      <c r="G59" s="18" t="s">
        <v>116</v>
      </c>
      <c r="H59" s="17"/>
      <c r="I59" s="13">
        <v>466</v>
      </c>
      <c r="J59" s="14">
        <v>105</v>
      </c>
      <c r="K59" s="14">
        <v>361</v>
      </c>
    </row>
    <row r="60" spans="1:11" ht="15" customHeight="1">
      <c r="A60" s="17" t="s">
        <v>117</v>
      </c>
      <c r="B60" s="17"/>
      <c r="C60" s="13">
        <v>3796</v>
      </c>
      <c r="D60" s="19">
        <v>1907</v>
      </c>
      <c r="E60" s="19">
        <v>1889</v>
      </c>
      <c r="F60" s="19"/>
      <c r="G60" s="18" t="s">
        <v>118</v>
      </c>
      <c r="H60" s="17"/>
      <c r="I60" s="13">
        <v>156</v>
      </c>
      <c r="J60" s="19">
        <v>39</v>
      </c>
      <c r="K60" s="19">
        <v>117</v>
      </c>
    </row>
    <row r="61" spans="1:11" ht="15" customHeight="1">
      <c r="A61" s="17" t="s">
        <v>119</v>
      </c>
      <c r="B61" s="17"/>
      <c r="C61" s="13">
        <v>3665</v>
      </c>
      <c r="D61" s="19">
        <v>1858</v>
      </c>
      <c r="E61" s="19">
        <v>1807</v>
      </c>
      <c r="F61" s="19"/>
      <c r="G61" s="18" t="s">
        <v>120</v>
      </c>
      <c r="H61" s="17"/>
      <c r="I61" s="13">
        <v>147</v>
      </c>
      <c r="J61" s="19">
        <v>31</v>
      </c>
      <c r="K61" s="19">
        <v>116</v>
      </c>
    </row>
    <row r="62" spans="1:11" ht="15" customHeight="1">
      <c r="A62" s="17" t="s">
        <v>121</v>
      </c>
      <c r="B62" s="17"/>
      <c r="C62" s="13">
        <v>4104</v>
      </c>
      <c r="D62" s="19">
        <v>2056</v>
      </c>
      <c r="E62" s="19">
        <v>2048</v>
      </c>
      <c r="F62" s="19"/>
      <c r="G62" s="18" t="s">
        <v>122</v>
      </c>
      <c r="H62" s="17"/>
      <c r="I62" s="13">
        <v>65</v>
      </c>
      <c r="J62" s="19">
        <v>17</v>
      </c>
      <c r="K62" s="19">
        <v>48</v>
      </c>
    </row>
    <row r="63" spans="1:11" ht="15" customHeight="1">
      <c r="A63" s="17" t="s">
        <v>123</v>
      </c>
      <c r="B63" s="17"/>
      <c r="C63" s="13">
        <v>4107</v>
      </c>
      <c r="D63" s="19">
        <v>2023</v>
      </c>
      <c r="E63" s="19">
        <v>2084</v>
      </c>
      <c r="F63" s="19"/>
      <c r="G63" s="18" t="s">
        <v>124</v>
      </c>
      <c r="H63" s="17"/>
      <c r="I63" s="13">
        <v>61</v>
      </c>
      <c r="J63" s="19">
        <v>13</v>
      </c>
      <c r="K63" s="19">
        <v>48</v>
      </c>
    </row>
    <row r="64" spans="1:11" ht="15" customHeight="1">
      <c r="A64" s="17" t="s">
        <v>125</v>
      </c>
      <c r="B64" s="17"/>
      <c r="C64" s="13">
        <v>4031</v>
      </c>
      <c r="D64" s="19">
        <v>1968</v>
      </c>
      <c r="E64" s="19">
        <v>2063</v>
      </c>
      <c r="F64" s="19"/>
      <c r="G64" s="18" t="s">
        <v>126</v>
      </c>
      <c r="H64" s="17"/>
      <c r="I64" s="13">
        <v>37</v>
      </c>
      <c r="J64" s="19">
        <v>5</v>
      </c>
      <c r="K64" s="19">
        <v>32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97</v>
      </c>
      <c r="J65" s="19">
        <v>13</v>
      </c>
      <c r="K65" s="19">
        <v>84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6597</v>
      </c>
      <c r="J66" s="27">
        <v>2545</v>
      </c>
      <c r="K66" s="27">
        <v>4052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59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80826</v>
      </c>
      <c r="D4" s="14">
        <v>87273</v>
      </c>
      <c r="E4" s="14">
        <v>9355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6472</v>
      </c>
      <c r="D5" s="14">
        <v>3327</v>
      </c>
      <c r="E5" s="14">
        <v>3145</v>
      </c>
      <c r="F5" s="14"/>
      <c r="G5" s="18" t="s">
        <v>8</v>
      </c>
      <c r="H5" s="17"/>
      <c r="I5" s="13">
        <v>15086</v>
      </c>
      <c r="J5" s="14">
        <v>7351</v>
      </c>
      <c r="K5" s="14">
        <v>7735</v>
      </c>
    </row>
    <row r="6" spans="1:11" ht="15" customHeight="1">
      <c r="A6" s="17" t="s">
        <v>9</v>
      </c>
      <c r="B6" s="17"/>
      <c r="C6" s="13">
        <v>1237</v>
      </c>
      <c r="D6" s="19">
        <v>650</v>
      </c>
      <c r="E6" s="19">
        <v>587</v>
      </c>
      <c r="F6" s="19"/>
      <c r="G6" s="18" t="s">
        <v>10</v>
      </c>
      <c r="H6" s="17"/>
      <c r="I6" s="13">
        <v>3032</v>
      </c>
      <c r="J6" s="19">
        <v>1450</v>
      </c>
      <c r="K6" s="19">
        <v>1582</v>
      </c>
    </row>
    <row r="7" spans="1:11" ht="15" customHeight="1">
      <c r="A7" s="17" t="s">
        <v>11</v>
      </c>
      <c r="B7" s="17"/>
      <c r="C7" s="13">
        <v>1189</v>
      </c>
      <c r="D7" s="19">
        <v>594</v>
      </c>
      <c r="E7" s="19">
        <v>595</v>
      </c>
      <c r="F7" s="19"/>
      <c r="G7" s="18" t="s">
        <v>12</v>
      </c>
      <c r="H7" s="17"/>
      <c r="I7" s="13">
        <v>3009</v>
      </c>
      <c r="J7" s="19">
        <v>1456</v>
      </c>
      <c r="K7" s="19">
        <v>1553</v>
      </c>
    </row>
    <row r="8" spans="1:11" ht="15" customHeight="1">
      <c r="A8" s="17" t="s">
        <v>13</v>
      </c>
      <c r="B8" s="17"/>
      <c r="C8" s="13">
        <v>1322</v>
      </c>
      <c r="D8" s="19">
        <v>720</v>
      </c>
      <c r="E8" s="19">
        <v>602</v>
      </c>
      <c r="F8" s="19"/>
      <c r="G8" s="18" t="s">
        <v>14</v>
      </c>
      <c r="H8" s="17"/>
      <c r="I8" s="13">
        <v>3052</v>
      </c>
      <c r="J8" s="19">
        <v>1494</v>
      </c>
      <c r="K8" s="19">
        <v>1558</v>
      </c>
    </row>
    <row r="9" spans="1:11" ht="15" customHeight="1">
      <c r="A9" s="17" t="s">
        <v>15</v>
      </c>
      <c r="B9" s="17"/>
      <c r="C9" s="13">
        <v>1360</v>
      </c>
      <c r="D9" s="19">
        <v>658</v>
      </c>
      <c r="E9" s="19">
        <v>702</v>
      </c>
      <c r="F9" s="19"/>
      <c r="G9" s="18" t="s">
        <v>16</v>
      </c>
      <c r="H9" s="17"/>
      <c r="I9" s="13">
        <v>2962</v>
      </c>
      <c r="J9" s="19">
        <v>1473</v>
      </c>
      <c r="K9" s="19">
        <v>1489</v>
      </c>
    </row>
    <row r="10" spans="1:11" ht="15" customHeight="1">
      <c r="A10" s="17" t="s">
        <v>17</v>
      </c>
      <c r="B10" s="17"/>
      <c r="C10" s="13">
        <v>1364</v>
      </c>
      <c r="D10" s="19">
        <v>705</v>
      </c>
      <c r="E10" s="19">
        <v>659</v>
      </c>
      <c r="F10" s="19"/>
      <c r="G10" s="18" t="s">
        <v>18</v>
      </c>
      <c r="H10" s="17"/>
      <c r="I10" s="13">
        <v>3031</v>
      </c>
      <c r="J10" s="19">
        <v>1478</v>
      </c>
      <c r="K10" s="19">
        <v>1553</v>
      </c>
    </row>
    <row r="11" spans="1:11" ht="20.100000000000001" customHeight="1">
      <c r="A11" s="17" t="s">
        <v>19</v>
      </c>
      <c r="B11" s="17"/>
      <c r="C11" s="13">
        <v>7747</v>
      </c>
      <c r="D11" s="14">
        <v>4005</v>
      </c>
      <c r="E11" s="14">
        <v>3742</v>
      </c>
      <c r="F11" s="14"/>
      <c r="G11" s="18" t="s">
        <v>20</v>
      </c>
      <c r="H11" s="17"/>
      <c r="I11" s="13">
        <v>12173</v>
      </c>
      <c r="J11" s="14">
        <v>6171</v>
      </c>
      <c r="K11" s="14">
        <v>6002</v>
      </c>
    </row>
    <row r="12" spans="1:11" ht="15" customHeight="1">
      <c r="A12" s="17" t="s">
        <v>21</v>
      </c>
      <c r="B12" s="17"/>
      <c r="C12" s="13">
        <v>1491</v>
      </c>
      <c r="D12" s="19">
        <v>771</v>
      </c>
      <c r="E12" s="19">
        <v>720</v>
      </c>
      <c r="F12" s="19"/>
      <c r="G12" s="18" t="s">
        <v>22</v>
      </c>
      <c r="H12" s="17"/>
      <c r="I12" s="13">
        <v>2208</v>
      </c>
      <c r="J12" s="19">
        <v>1107</v>
      </c>
      <c r="K12" s="19">
        <v>1101</v>
      </c>
    </row>
    <row r="13" spans="1:11" ht="15" customHeight="1">
      <c r="A13" s="17" t="s">
        <v>23</v>
      </c>
      <c r="B13" s="17"/>
      <c r="C13" s="13">
        <v>1531</v>
      </c>
      <c r="D13" s="19">
        <v>784</v>
      </c>
      <c r="E13" s="19">
        <v>747</v>
      </c>
      <c r="F13" s="19"/>
      <c r="G13" s="18" t="s">
        <v>24</v>
      </c>
      <c r="H13" s="17"/>
      <c r="I13" s="13">
        <v>2788</v>
      </c>
      <c r="J13" s="19">
        <v>1441</v>
      </c>
      <c r="K13" s="19">
        <v>1347</v>
      </c>
    </row>
    <row r="14" spans="1:11" ht="15" customHeight="1">
      <c r="A14" s="17" t="s">
        <v>25</v>
      </c>
      <c r="B14" s="17"/>
      <c r="C14" s="13">
        <v>1576</v>
      </c>
      <c r="D14" s="19">
        <v>815</v>
      </c>
      <c r="E14" s="19">
        <v>761</v>
      </c>
      <c r="F14" s="19"/>
      <c r="G14" s="18" t="s">
        <v>26</v>
      </c>
      <c r="H14" s="17"/>
      <c r="I14" s="13">
        <v>2552</v>
      </c>
      <c r="J14" s="19">
        <v>1294</v>
      </c>
      <c r="K14" s="19">
        <v>1258</v>
      </c>
    </row>
    <row r="15" spans="1:11" ht="15" customHeight="1">
      <c r="A15" s="17" t="s">
        <v>27</v>
      </c>
      <c r="B15" s="17"/>
      <c r="C15" s="13">
        <v>1544</v>
      </c>
      <c r="D15" s="19">
        <v>833</v>
      </c>
      <c r="E15" s="19">
        <v>711</v>
      </c>
      <c r="F15" s="19"/>
      <c r="G15" s="18" t="s">
        <v>28</v>
      </c>
      <c r="H15" s="17"/>
      <c r="I15" s="13">
        <v>2408</v>
      </c>
      <c r="J15" s="19">
        <v>1199</v>
      </c>
      <c r="K15" s="19">
        <v>1209</v>
      </c>
    </row>
    <row r="16" spans="1:11" ht="15" customHeight="1">
      <c r="A16" s="17" t="s">
        <v>29</v>
      </c>
      <c r="B16" s="17"/>
      <c r="C16" s="13">
        <v>1605</v>
      </c>
      <c r="D16" s="19">
        <v>802</v>
      </c>
      <c r="E16" s="19">
        <v>803</v>
      </c>
      <c r="F16" s="19"/>
      <c r="G16" s="18" t="s">
        <v>30</v>
      </c>
      <c r="H16" s="17"/>
      <c r="I16" s="13">
        <v>2217</v>
      </c>
      <c r="J16" s="19">
        <v>1130</v>
      </c>
      <c r="K16" s="19">
        <v>1087</v>
      </c>
    </row>
    <row r="17" spans="1:11" ht="20.100000000000001" customHeight="1">
      <c r="A17" s="20" t="s">
        <v>31</v>
      </c>
      <c r="B17" s="20"/>
      <c r="C17" s="13">
        <v>8287</v>
      </c>
      <c r="D17" s="14">
        <v>4244</v>
      </c>
      <c r="E17" s="14">
        <v>4043</v>
      </c>
      <c r="F17" s="14"/>
      <c r="G17" s="18" t="s">
        <v>32</v>
      </c>
      <c r="H17" s="17"/>
      <c r="I17" s="13">
        <v>9811</v>
      </c>
      <c r="J17" s="14">
        <v>4838</v>
      </c>
      <c r="K17" s="14">
        <v>4973</v>
      </c>
    </row>
    <row r="18" spans="1:11" ht="15" customHeight="1">
      <c r="A18" s="17" t="s">
        <v>33</v>
      </c>
      <c r="B18" s="17"/>
      <c r="C18" s="13">
        <v>1665</v>
      </c>
      <c r="D18" s="19">
        <v>868</v>
      </c>
      <c r="E18" s="19">
        <v>797</v>
      </c>
      <c r="F18" s="19"/>
      <c r="G18" s="18" t="s">
        <v>34</v>
      </c>
      <c r="H18" s="17"/>
      <c r="I18" s="13">
        <v>2071</v>
      </c>
      <c r="J18" s="19">
        <v>1016</v>
      </c>
      <c r="K18" s="19">
        <v>1055</v>
      </c>
    </row>
    <row r="19" spans="1:11" ht="15" customHeight="1">
      <c r="A19" s="17" t="s">
        <v>35</v>
      </c>
      <c r="B19" s="17"/>
      <c r="C19" s="13">
        <v>1670</v>
      </c>
      <c r="D19" s="19">
        <v>856</v>
      </c>
      <c r="E19" s="19">
        <v>814</v>
      </c>
      <c r="F19" s="19"/>
      <c r="G19" s="18" t="s">
        <v>36</v>
      </c>
      <c r="H19" s="17"/>
      <c r="I19" s="13">
        <v>2019</v>
      </c>
      <c r="J19" s="19">
        <v>1010</v>
      </c>
      <c r="K19" s="19">
        <v>1009</v>
      </c>
    </row>
    <row r="20" spans="1:11" ht="15" customHeight="1">
      <c r="A20" s="17" t="s">
        <v>37</v>
      </c>
      <c r="B20" s="17"/>
      <c r="C20" s="13">
        <v>1679</v>
      </c>
      <c r="D20" s="19">
        <v>874</v>
      </c>
      <c r="E20" s="19">
        <v>805</v>
      </c>
      <c r="F20" s="19"/>
      <c r="G20" s="18" t="s">
        <v>38</v>
      </c>
      <c r="H20" s="17"/>
      <c r="I20" s="13">
        <v>2000</v>
      </c>
      <c r="J20" s="19">
        <v>983</v>
      </c>
      <c r="K20" s="19">
        <v>1017</v>
      </c>
    </row>
    <row r="21" spans="1:11" ht="15" customHeight="1">
      <c r="A21" s="17" t="s">
        <v>39</v>
      </c>
      <c r="B21" s="17"/>
      <c r="C21" s="13">
        <v>1627</v>
      </c>
      <c r="D21" s="19">
        <v>802</v>
      </c>
      <c r="E21" s="19">
        <v>825</v>
      </c>
      <c r="F21" s="19"/>
      <c r="G21" s="18" t="s">
        <v>40</v>
      </c>
      <c r="H21" s="17"/>
      <c r="I21" s="13">
        <v>1948</v>
      </c>
      <c r="J21" s="19">
        <v>986</v>
      </c>
      <c r="K21" s="19">
        <v>962</v>
      </c>
    </row>
    <row r="22" spans="1:11" ht="15" customHeight="1">
      <c r="A22" s="17" t="s">
        <v>41</v>
      </c>
      <c r="B22" s="17"/>
      <c r="C22" s="13">
        <v>1646</v>
      </c>
      <c r="D22" s="19">
        <v>844</v>
      </c>
      <c r="E22" s="19">
        <v>802</v>
      </c>
      <c r="F22" s="19"/>
      <c r="G22" s="18" t="s">
        <v>42</v>
      </c>
      <c r="H22" s="17"/>
      <c r="I22" s="13">
        <v>1773</v>
      </c>
      <c r="J22" s="19">
        <v>843</v>
      </c>
      <c r="K22" s="19">
        <v>930</v>
      </c>
    </row>
    <row r="23" spans="1:11" ht="20.100000000000001" customHeight="1">
      <c r="A23" s="17" t="s">
        <v>43</v>
      </c>
      <c r="B23" s="17"/>
      <c r="C23" s="13">
        <v>8375</v>
      </c>
      <c r="D23" s="14">
        <v>4164</v>
      </c>
      <c r="E23" s="14">
        <v>4211</v>
      </c>
      <c r="F23" s="14"/>
      <c r="G23" s="18" t="s">
        <v>44</v>
      </c>
      <c r="H23" s="17"/>
      <c r="I23" s="13">
        <v>8879</v>
      </c>
      <c r="J23" s="14">
        <v>4283</v>
      </c>
      <c r="K23" s="14">
        <v>4596</v>
      </c>
    </row>
    <row r="24" spans="1:11" ht="15" customHeight="1">
      <c r="A24" s="17" t="s">
        <v>45</v>
      </c>
      <c r="B24" s="17"/>
      <c r="C24" s="13">
        <v>1681</v>
      </c>
      <c r="D24" s="19">
        <v>838</v>
      </c>
      <c r="E24" s="19">
        <v>843</v>
      </c>
      <c r="F24" s="19"/>
      <c r="G24" s="18" t="s">
        <v>46</v>
      </c>
      <c r="H24" s="17"/>
      <c r="I24" s="13">
        <v>1854</v>
      </c>
      <c r="J24" s="19">
        <v>924</v>
      </c>
      <c r="K24" s="19">
        <v>930</v>
      </c>
    </row>
    <row r="25" spans="1:11" ht="15" customHeight="1">
      <c r="A25" s="17" t="s">
        <v>47</v>
      </c>
      <c r="B25" s="17"/>
      <c r="C25" s="13">
        <v>1567</v>
      </c>
      <c r="D25" s="19">
        <v>827</v>
      </c>
      <c r="E25" s="19">
        <v>740</v>
      </c>
      <c r="F25" s="19"/>
      <c r="G25" s="18" t="s">
        <v>48</v>
      </c>
      <c r="H25" s="17"/>
      <c r="I25" s="13">
        <v>1750</v>
      </c>
      <c r="J25" s="19">
        <v>820</v>
      </c>
      <c r="K25" s="19">
        <v>930</v>
      </c>
    </row>
    <row r="26" spans="1:11" ht="15" customHeight="1">
      <c r="A26" s="17" t="s">
        <v>49</v>
      </c>
      <c r="B26" s="17"/>
      <c r="C26" s="13">
        <v>1614</v>
      </c>
      <c r="D26" s="19">
        <v>806</v>
      </c>
      <c r="E26" s="19">
        <v>808</v>
      </c>
      <c r="F26" s="19"/>
      <c r="G26" s="18" t="s">
        <v>50</v>
      </c>
      <c r="H26" s="17"/>
      <c r="I26" s="13">
        <v>1671</v>
      </c>
      <c r="J26" s="19">
        <v>825</v>
      </c>
      <c r="K26" s="19">
        <v>846</v>
      </c>
    </row>
    <row r="27" spans="1:11" ht="15" customHeight="1">
      <c r="A27" s="17" t="s">
        <v>51</v>
      </c>
      <c r="B27" s="17"/>
      <c r="C27" s="13">
        <v>1663</v>
      </c>
      <c r="D27" s="19">
        <v>808</v>
      </c>
      <c r="E27" s="19">
        <v>855</v>
      </c>
      <c r="F27" s="19"/>
      <c r="G27" s="18" t="s">
        <v>52</v>
      </c>
      <c r="H27" s="17"/>
      <c r="I27" s="13">
        <v>1706</v>
      </c>
      <c r="J27" s="19">
        <v>805</v>
      </c>
      <c r="K27" s="19">
        <v>901</v>
      </c>
    </row>
    <row r="28" spans="1:11" ht="15" customHeight="1">
      <c r="A28" s="17" t="s">
        <v>53</v>
      </c>
      <c r="B28" s="17"/>
      <c r="C28" s="13">
        <v>1850</v>
      </c>
      <c r="D28" s="19">
        <v>885</v>
      </c>
      <c r="E28" s="19">
        <v>965</v>
      </c>
      <c r="F28" s="19"/>
      <c r="G28" s="18" t="s">
        <v>54</v>
      </c>
      <c r="H28" s="17"/>
      <c r="I28" s="13">
        <v>1898</v>
      </c>
      <c r="J28" s="19">
        <v>909</v>
      </c>
      <c r="K28" s="19">
        <v>989</v>
      </c>
    </row>
    <row r="29" spans="1:11" ht="20.100000000000001" customHeight="1">
      <c r="A29" s="17" t="s">
        <v>55</v>
      </c>
      <c r="B29" s="17"/>
      <c r="C29" s="13">
        <v>10677</v>
      </c>
      <c r="D29" s="14">
        <v>4946</v>
      </c>
      <c r="E29" s="14">
        <v>5731</v>
      </c>
      <c r="F29" s="14"/>
      <c r="G29" s="18" t="s">
        <v>56</v>
      </c>
      <c r="H29" s="17"/>
      <c r="I29" s="13">
        <v>10889</v>
      </c>
      <c r="J29" s="14">
        <v>5000</v>
      </c>
      <c r="K29" s="14">
        <v>5889</v>
      </c>
    </row>
    <row r="30" spans="1:11" ht="15" customHeight="1">
      <c r="A30" s="17" t="s">
        <v>57</v>
      </c>
      <c r="B30" s="17"/>
      <c r="C30" s="13">
        <v>2046</v>
      </c>
      <c r="D30" s="19">
        <v>976</v>
      </c>
      <c r="E30" s="19">
        <v>1070</v>
      </c>
      <c r="F30" s="19"/>
      <c r="G30" s="18" t="s">
        <v>58</v>
      </c>
      <c r="H30" s="17"/>
      <c r="I30" s="13">
        <v>1837</v>
      </c>
      <c r="J30" s="19">
        <v>833</v>
      </c>
      <c r="K30" s="19">
        <v>1004</v>
      </c>
    </row>
    <row r="31" spans="1:11" ht="15" customHeight="1">
      <c r="A31" s="17" t="s">
        <v>59</v>
      </c>
      <c r="B31" s="17"/>
      <c r="C31" s="13">
        <v>2170</v>
      </c>
      <c r="D31" s="19">
        <v>1048</v>
      </c>
      <c r="E31" s="19">
        <v>1122</v>
      </c>
      <c r="F31" s="19"/>
      <c r="G31" s="18" t="s">
        <v>60</v>
      </c>
      <c r="H31" s="17"/>
      <c r="I31" s="13">
        <v>2009</v>
      </c>
      <c r="J31" s="19">
        <v>920</v>
      </c>
      <c r="K31" s="19">
        <v>1089</v>
      </c>
    </row>
    <row r="32" spans="1:11" ht="15" customHeight="1">
      <c r="A32" s="17" t="s">
        <v>61</v>
      </c>
      <c r="B32" s="17"/>
      <c r="C32" s="13">
        <v>2213</v>
      </c>
      <c r="D32" s="19">
        <v>969</v>
      </c>
      <c r="E32" s="19">
        <v>1244</v>
      </c>
      <c r="F32" s="19"/>
      <c r="G32" s="18" t="s">
        <v>62</v>
      </c>
      <c r="H32" s="17"/>
      <c r="I32" s="13">
        <v>2334</v>
      </c>
      <c r="J32" s="19">
        <v>1053</v>
      </c>
      <c r="K32" s="19">
        <v>1281</v>
      </c>
    </row>
    <row r="33" spans="1:11" ht="15" customHeight="1">
      <c r="A33" s="17" t="s">
        <v>63</v>
      </c>
      <c r="B33" s="17"/>
      <c r="C33" s="13">
        <v>2230</v>
      </c>
      <c r="D33" s="19">
        <v>1011</v>
      </c>
      <c r="E33" s="19">
        <v>1219</v>
      </c>
      <c r="F33" s="19"/>
      <c r="G33" s="18" t="s">
        <v>64</v>
      </c>
      <c r="H33" s="17"/>
      <c r="I33" s="13">
        <v>2402</v>
      </c>
      <c r="J33" s="19">
        <v>1150</v>
      </c>
      <c r="K33" s="19">
        <v>1252</v>
      </c>
    </row>
    <row r="34" spans="1:11" ht="15" customHeight="1">
      <c r="A34" s="17" t="s">
        <v>65</v>
      </c>
      <c r="B34" s="17"/>
      <c r="C34" s="13">
        <v>2018</v>
      </c>
      <c r="D34" s="19">
        <v>942</v>
      </c>
      <c r="E34" s="19">
        <v>1076</v>
      </c>
      <c r="F34" s="19"/>
      <c r="G34" s="18" t="s">
        <v>66</v>
      </c>
      <c r="H34" s="17"/>
      <c r="I34" s="13">
        <v>2307</v>
      </c>
      <c r="J34" s="19">
        <v>1044</v>
      </c>
      <c r="K34" s="19">
        <v>1263</v>
      </c>
    </row>
    <row r="35" spans="1:11" ht="20.100000000000001" customHeight="1">
      <c r="A35" s="17" t="s">
        <v>67</v>
      </c>
      <c r="B35" s="17"/>
      <c r="C35" s="13">
        <v>9204</v>
      </c>
      <c r="D35" s="14">
        <v>4394</v>
      </c>
      <c r="E35" s="14">
        <v>4810</v>
      </c>
      <c r="F35" s="14"/>
      <c r="G35" s="18" t="s">
        <v>68</v>
      </c>
      <c r="H35" s="17"/>
      <c r="I35" s="13">
        <v>8284</v>
      </c>
      <c r="J35" s="14">
        <v>3715</v>
      </c>
      <c r="K35" s="14">
        <v>4569</v>
      </c>
    </row>
    <row r="36" spans="1:11" ht="15" customHeight="1">
      <c r="A36" s="17" t="s">
        <v>69</v>
      </c>
      <c r="B36" s="17"/>
      <c r="C36" s="13">
        <v>1943</v>
      </c>
      <c r="D36" s="19">
        <v>925</v>
      </c>
      <c r="E36" s="19">
        <v>1018</v>
      </c>
      <c r="F36" s="19"/>
      <c r="G36" s="18" t="s">
        <v>70</v>
      </c>
      <c r="H36" s="17"/>
      <c r="I36" s="13">
        <v>1655</v>
      </c>
      <c r="J36" s="19">
        <v>752</v>
      </c>
      <c r="K36" s="19">
        <v>903</v>
      </c>
    </row>
    <row r="37" spans="1:11" ht="15" customHeight="1">
      <c r="A37" s="17" t="s">
        <v>71</v>
      </c>
      <c r="B37" s="17"/>
      <c r="C37" s="13">
        <v>1876</v>
      </c>
      <c r="D37" s="19">
        <v>916</v>
      </c>
      <c r="E37" s="19">
        <v>960</v>
      </c>
      <c r="F37" s="19"/>
      <c r="G37" s="18" t="s">
        <v>72</v>
      </c>
      <c r="H37" s="17"/>
      <c r="I37" s="13">
        <v>1442</v>
      </c>
      <c r="J37" s="19">
        <v>644</v>
      </c>
      <c r="K37" s="19">
        <v>798</v>
      </c>
    </row>
    <row r="38" spans="1:11" ht="15" customHeight="1">
      <c r="A38" s="17" t="s">
        <v>73</v>
      </c>
      <c r="B38" s="17"/>
      <c r="C38" s="13">
        <v>1912</v>
      </c>
      <c r="D38" s="19">
        <v>887</v>
      </c>
      <c r="E38" s="19">
        <v>1025</v>
      </c>
      <c r="F38" s="19"/>
      <c r="G38" s="18" t="s">
        <v>74</v>
      </c>
      <c r="H38" s="17"/>
      <c r="I38" s="13">
        <v>1728</v>
      </c>
      <c r="J38" s="19">
        <v>773</v>
      </c>
      <c r="K38" s="19">
        <v>955</v>
      </c>
    </row>
    <row r="39" spans="1:11" ht="15" customHeight="1">
      <c r="A39" s="17" t="s">
        <v>75</v>
      </c>
      <c r="B39" s="17"/>
      <c r="C39" s="13">
        <v>1762</v>
      </c>
      <c r="D39" s="19">
        <v>848</v>
      </c>
      <c r="E39" s="19">
        <v>914</v>
      </c>
      <c r="F39" s="19"/>
      <c r="G39" s="18" t="s">
        <v>76</v>
      </c>
      <c r="H39" s="17"/>
      <c r="I39" s="13">
        <v>1794</v>
      </c>
      <c r="J39" s="19">
        <v>824</v>
      </c>
      <c r="K39" s="19">
        <v>970</v>
      </c>
    </row>
    <row r="40" spans="1:11" ht="15" customHeight="1">
      <c r="A40" s="17" t="s">
        <v>77</v>
      </c>
      <c r="B40" s="17"/>
      <c r="C40" s="13">
        <v>1711</v>
      </c>
      <c r="D40" s="19">
        <v>818</v>
      </c>
      <c r="E40" s="19">
        <v>893</v>
      </c>
      <c r="F40" s="19"/>
      <c r="G40" s="18" t="s">
        <v>78</v>
      </c>
      <c r="H40" s="17"/>
      <c r="I40" s="13">
        <v>1665</v>
      </c>
      <c r="J40" s="19">
        <v>722</v>
      </c>
      <c r="K40" s="19">
        <v>943</v>
      </c>
    </row>
    <row r="41" spans="1:11" ht="20.100000000000001" customHeight="1">
      <c r="A41" s="17" t="s">
        <v>79</v>
      </c>
      <c r="B41" s="17"/>
      <c r="C41" s="13">
        <v>9043</v>
      </c>
      <c r="D41" s="14">
        <v>4430</v>
      </c>
      <c r="E41" s="14">
        <v>4613</v>
      </c>
      <c r="F41" s="14"/>
      <c r="G41" s="18" t="s">
        <v>80</v>
      </c>
      <c r="H41" s="17"/>
      <c r="I41" s="13">
        <v>6905</v>
      </c>
      <c r="J41" s="14">
        <v>3079</v>
      </c>
      <c r="K41" s="14">
        <v>3826</v>
      </c>
    </row>
    <row r="42" spans="1:11" ht="15" customHeight="1">
      <c r="A42" s="17" t="s">
        <v>81</v>
      </c>
      <c r="B42" s="17"/>
      <c r="C42" s="13">
        <v>1796</v>
      </c>
      <c r="D42" s="19">
        <v>871</v>
      </c>
      <c r="E42" s="19">
        <v>925</v>
      </c>
      <c r="F42" s="19"/>
      <c r="G42" s="18" t="s">
        <v>82</v>
      </c>
      <c r="H42" s="17"/>
      <c r="I42" s="13">
        <v>1706</v>
      </c>
      <c r="J42" s="19">
        <v>783</v>
      </c>
      <c r="K42" s="19">
        <v>923</v>
      </c>
    </row>
    <row r="43" spans="1:11" ht="15" customHeight="1">
      <c r="A43" s="17" t="s">
        <v>83</v>
      </c>
      <c r="B43" s="17"/>
      <c r="C43" s="13">
        <v>1788</v>
      </c>
      <c r="D43" s="19">
        <v>851</v>
      </c>
      <c r="E43" s="19">
        <v>937</v>
      </c>
      <c r="F43" s="19"/>
      <c r="G43" s="18" t="s">
        <v>84</v>
      </c>
      <c r="H43" s="17"/>
      <c r="I43" s="13">
        <v>1443</v>
      </c>
      <c r="J43" s="19">
        <v>647</v>
      </c>
      <c r="K43" s="19">
        <v>796</v>
      </c>
    </row>
    <row r="44" spans="1:11" ht="15" customHeight="1">
      <c r="A44" s="17" t="s">
        <v>85</v>
      </c>
      <c r="B44" s="17"/>
      <c r="C44" s="13">
        <v>1827</v>
      </c>
      <c r="D44" s="19">
        <v>893</v>
      </c>
      <c r="E44" s="19">
        <v>934</v>
      </c>
      <c r="F44" s="19"/>
      <c r="G44" s="18" t="s">
        <v>86</v>
      </c>
      <c r="H44" s="17"/>
      <c r="I44" s="13">
        <v>1267</v>
      </c>
      <c r="J44" s="19">
        <v>553</v>
      </c>
      <c r="K44" s="19">
        <v>714</v>
      </c>
    </row>
    <row r="45" spans="1:11" ht="15" customHeight="1">
      <c r="A45" s="17" t="s">
        <v>87</v>
      </c>
      <c r="B45" s="17"/>
      <c r="C45" s="13">
        <v>1781</v>
      </c>
      <c r="D45" s="19">
        <v>872</v>
      </c>
      <c r="E45" s="19">
        <v>909</v>
      </c>
      <c r="F45" s="19"/>
      <c r="G45" s="18" t="s">
        <v>88</v>
      </c>
      <c r="H45" s="17"/>
      <c r="I45" s="13">
        <v>1212</v>
      </c>
      <c r="J45" s="19">
        <v>539</v>
      </c>
      <c r="K45" s="19">
        <v>673</v>
      </c>
    </row>
    <row r="46" spans="1:11" ht="15" customHeight="1">
      <c r="A46" s="17" t="s">
        <v>89</v>
      </c>
      <c r="B46" s="17"/>
      <c r="C46" s="13">
        <v>1851</v>
      </c>
      <c r="D46" s="19">
        <v>943</v>
      </c>
      <c r="E46" s="19">
        <v>908</v>
      </c>
      <c r="F46" s="19"/>
      <c r="G46" s="18" t="s">
        <v>90</v>
      </c>
      <c r="H46" s="17"/>
      <c r="I46" s="13">
        <v>1277</v>
      </c>
      <c r="J46" s="19">
        <v>557</v>
      </c>
      <c r="K46" s="19">
        <v>720</v>
      </c>
    </row>
    <row r="47" spans="1:11" ht="20.100000000000001" customHeight="1">
      <c r="A47" s="17" t="s">
        <v>91</v>
      </c>
      <c r="B47" s="17"/>
      <c r="C47" s="13">
        <v>10270</v>
      </c>
      <c r="D47" s="14">
        <v>5108</v>
      </c>
      <c r="E47" s="14">
        <v>5162</v>
      </c>
      <c r="F47" s="14"/>
      <c r="G47" s="18" t="s">
        <v>92</v>
      </c>
      <c r="H47" s="17"/>
      <c r="I47" s="13">
        <v>4819</v>
      </c>
      <c r="J47" s="14">
        <v>1804</v>
      </c>
      <c r="K47" s="14">
        <v>3015</v>
      </c>
    </row>
    <row r="48" spans="1:11" ht="15" customHeight="1">
      <c r="A48" s="17" t="s">
        <v>93</v>
      </c>
      <c r="B48" s="17"/>
      <c r="C48" s="13">
        <v>1902</v>
      </c>
      <c r="D48" s="19">
        <v>983</v>
      </c>
      <c r="E48" s="19">
        <v>919</v>
      </c>
      <c r="F48" s="19"/>
      <c r="G48" s="18" t="s">
        <v>94</v>
      </c>
      <c r="H48" s="17"/>
      <c r="I48" s="13">
        <v>1124</v>
      </c>
      <c r="J48" s="19">
        <v>447</v>
      </c>
      <c r="K48" s="19">
        <v>677</v>
      </c>
    </row>
    <row r="49" spans="1:11" ht="15" customHeight="1">
      <c r="A49" s="17" t="s">
        <v>95</v>
      </c>
      <c r="B49" s="17"/>
      <c r="C49" s="13">
        <v>1949</v>
      </c>
      <c r="D49" s="19">
        <v>961</v>
      </c>
      <c r="E49" s="19">
        <v>988</v>
      </c>
      <c r="F49" s="19"/>
      <c r="G49" s="18" t="s">
        <v>96</v>
      </c>
      <c r="H49" s="17"/>
      <c r="I49" s="13">
        <v>1093</v>
      </c>
      <c r="J49" s="19">
        <v>415</v>
      </c>
      <c r="K49" s="19">
        <v>678</v>
      </c>
    </row>
    <row r="50" spans="1:11" ht="15" customHeight="1">
      <c r="A50" s="17" t="s">
        <v>97</v>
      </c>
      <c r="B50" s="17"/>
      <c r="C50" s="13">
        <v>2108</v>
      </c>
      <c r="D50" s="19">
        <v>1042</v>
      </c>
      <c r="E50" s="19">
        <v>1066</v>
      </c>
      <c r="F50" s="19"/>
      <c r="G50" s="18" t="s">
        <v>98</v>
      </c>
      <c r="H50" s="17"/>
      <c r="I50" s="13">
        <v>886</v>
      </c>
      <c r="J50" s="19">
        <v>320</v>
      </c>
      <c r="K50" s="19">
        <v>566</v>
      </c>
    </row>
    <row r="51" spans="1:11" ht="15" customHeight="1">
      <c r="A51" s="17" t="s">
        <v>99</v>
      </c>
      <c r="B51" s="17"/>
      <c r="C51" s="13">
        <v>2190</v>
      </c>
      <c r="D51" s="19">
        <v>1056</v>
      </c>
      <c r="E51" s="19">
        <v>1134</v>
      </c>
      <c r="F51" s="19"/>
      <c r="G51" s="18" t="s">
        <v>100</v>
      </c>
      <c r="H51" s="17"/>
      <c r="I51" s="13">
        <v>915</v>
      </c>
      <c r="J51" s="19">
        <v>347</v>
      </c>
      <c r="K51" s="19">
        <v>568</v>
      </c>
    </row>
    <row r="52" spans="1:11" ht="15" customHeight="1">
      <c r="A52" s="17" t="s">
        <v>101</v>
      </c>
      <c r="B52" s="17"/>
      <c r="C52" s="13">
        <v>2121</v>
      </c>
      <c r="D52" s="19">
        <v>1066</v>
      </c>
      <c r="E52" s="19">
        <v>1055</v>
      </c>
      <c r="F52" s="19"/>
      <c r="G52" s="18" t="s">
        <v>102</v>
      </c>
      <c r="H52" s="17"/>
      <c r="I52" s="13">
        <v>801</v>
      </c>
      <c r="J52" s="19">
        <v>275</v>
      </c>
      <c r="K52" s="19">
        <v>526</v>
      </c>
    </row>
    <row r="53" spans="1:11" ht="20.100000000000001" customHeight="1">
      <c r="A53" s="17" t="s">
        <v>103</v>
      </c>
      <c r="B53" s="17"/>
      <c r="C53" s="13">
        <v>11975</v>
      </c>
      <c r="D53" s="14">
        <v>5908</v>
      </c>
      <c r="E53" s="14">
        <v>6067</v>
      </c>
      <c r="F53" s="14"/>
      <c r="G53" s="18" t="s">
        <v>104</v>
      </c>
      <c r="H53" s="17"/>
      <c r="I53" s="13">
        <v>2548</v>
      </c>
      <c r="J53" s="14">
        <v>763</v>
      </c>
      <c r="K53" s="14">
        <v>1785</v>
      </c>
    </row>
    <row r="54" spans="1:11" ht="15" customHeight="1">
      <c r="A54" s="17" t="s">
        <v>105</v>
      </c>
      <c r="B54" s="17"/>
      <c r="C54" s="13">
        <v>2186</v>
      </c>
      <c r="D54" s="19">
        <v>1090</v>
      </c>
      <c r="E54" s="19">
        <v>1096</v>
      </c>
      <c r="F54" s="19"/>
      <c r="G54" s="18" t="s">
        <v>106</v>
      </c>
      <c r="H54" s="17"/>
      <c r="I54" s="13">
        <v>723</v>
      </c>
      <c r="J54" s="19">
        <v>244</v>
      </c>
      <c r="K54" s="19">
        <v>479</v>
      </c>
    </row>
    <row r="55" spans="1:11" ht="15" customHeight="1">
      <c r="A55" s="17" t="s">
        <v>107</v>
      </c>
      <c r="B55" s="17"/>
      <c r="C55" s="13">
        <v>2213</v>
      </c>
      <c r="D55" s="19">
        <v>1105</v>
      </c>
      <c r="E55" s="19">
        <v>1108</v>
      </c>
      <c r="F55" s="19"/>
      <c r="G55" s="18" t="s">
        <v>108</v>
      </c>
      <c r="H55" s="17"/>
      <c r="I55" s="13">
        <v>601</v>
      </c>
      <c r="J55" s="19">
        <v>176</v>
      </c>
      <c r="K55" s="19">
        <v>425</v>
      </c>
    </row>
    <row r="56" spans="1:11" ht="15" customHeight="1">
      <c r="A56" s="17" t="s">
        <v>109</v>
      </c>
      <c r="B56" s="17"/>
      <c r="C56" s="13">
        <v>2414</v>
      </c>
      <c r="D56" s="19">
        <v>1200</v>
      </c>
      <c r="E56" s="19">
        <v>1214</v>
      </c>
      <c r="F56" s="19"/>
      <c r="G56" s="18" t="s">
        <v>110</v>
      </c>
      <c r="H56" s="17"/>
      <c r="I56" s="13">
        <v>492</v>
      </c>
      <c r="J56" s="19">
        <v>152</v>
      </c>
      <c r="K56" s="19">
        <v>340</v>
      </c>
    </row>
    <row r="57" spans="1:11" ht="15" customHeight="1">
      <c r="A57" s="17" t="s">
        <v>111</v>
      </c>
      <c r="B57" s="17"/>
      <c r="C57" s="13">
        <v>2527</v>
      </c>
      <c r="D57" s="19">
        <v>1224</v>
      </c>
      <c r="E57" s="19">
        <v>1303</v>
      </c>
      <c r="F57" s="19"/>
      <c r="G57" s="18" t="s">
        <v>112</v>
      </c>
      <c r="H57" s="17"/>
      <c r="I57" s="13">
        <v>431</v>
      </c>
      <c r="J57" s="19">
        <v>116</v>
      </c>
      <c r="K57" s="19">
        <v>315</v>
      </c>
    </row>
    <row r="58" spans="1:11" ht="15" customHeight="1">
      <c r="A58" s="17" t="s">
        <v>113</v>
      </c>
      <c r="B58" s="17"/>
      <c r="C58" s="13">
        <v>2635</v>
      </c>
      <c r="D58" s="19">
        <v>1289</v>
      </c>
      <c r="E58" s="19">
        <v>1346</v>
      </c>
      <c r="F58" s="19"/>
      <c r="G58" s="18" t="s">
        <v>114</v>
      </c>
      <c r="H58" s="17"/>
      <c r="I58" s="13">
        <v>301</v>
      </c>
      <c r="J58" s="19">
        <v>75</v>
      </c>
      <c r="K58" s="19">
        <v>226</v>
      </c>
    </row>
    <row r="59" spans="1:11" ht="20.100000000000001" customHeight="1">
      <c r="A59" s="17" t="s">
        <v>115</v>
      </c>
      <c r="B59" s="17"/>
      <c r="C59" s="13">
        <v>14574</v>
      </c>
      <c r="D59" s="14">
        <v>7098</v>
      </c>
      <c r="E59" s="14">
        <v>7476</v>
      </c>
      <c r="F59" s="14"/>
      <c r="G59" s="18" t="s">
        <v>116</v>
      </c>
      <c r="H59" s="17"/>
      <c r="I59" s="13">
        <v>719</v>
      </c>
      <c r="J59" s="14">
        <v>180</v>
      </c>
      <c r="K59" s="14">
        <v>539</v>
      </c>
    </row>
    <row r="60" spans="1:11" ht="15" customHeight="1">
      <c r="A60" s="17" t="s">
        <v>117</v>
      </c>
      <c r="B60" s="17"/>
      <c r="C60" s="13">
        <v>2645</v>
      </c>
      <c r="D60" s="19">
        <v>1302</v>
      </c>
      <c r="E60" s="19">
        <v>1343</v>
      </c>
      <c r="F60" s="19"/>
      <c r="G60" s="18" t="s">
        <v>118</v>
      </c>
      <c r="H60" s="17"/>
      <c r="I60" s="13">
        <v>218</v>
      </c>
      <c r="J60" s="19">
        <v>71</v>
      </c>
      <c r="K60" s="19">
        <v>147</v>
      </c>
    </row>
    <row r="61" spans="1:11" ht="15" customHeight="1">
      <c r="A61" s="17" t="s">
        <v>119</v>
      </c>
      <c r="B61" s="17"/>
      <c r="C61" s="13">
        <v>2848</v>
      </c>
      <c r="D61" s="19">
        <v>1415</v>
      </c>
      <c r="E61" s="19">
        <v>1433</v>
      </c>
      <c r="F61" s="19"/>
      <c r="G61" s="18" t="s">
        <v>120</v>
      </c>
      <c r="H61" s="17"/>
      <c r="I61" s="13">
        <v>175</v>
      </c>
      <c r="J61" s="19">
        <v>49</v>
      </c>
      <c r="K61" s="19">
        <v>126</v>
      </c>
    </row>
    <row r="62" spans="1:11" ht="15" customHeight="1">
      <c r="A62" s="17" t="s">
        <v>121</v>
      </c>
      <c r="B62" s="17"/>
      <c r="C62" s="13">
        <v>2930</v>
      </c>
      <c r="D62" s="19">
        <v>1422</v>
      </c>
      <c r="E62" s="19">
        <v>1508</v>
      </c>
      <c r="F62" s="19"/>
      <c r="G62" s="18" t="s">
        <v>122</v>
      </c>
      <c r="H62" s="17"/>
      <c r="I62" s="13">
        <v>139</v>
      </c>
      <c r="J62" s="19">
        <v>28</v>
      </c>
      <c r="K62" s="19">
        <v>111</v>
      </c>
    </row>
    <row r="63" spans="1:11" ht="15" customHeight="1">
      <c r="A63" s="17" t="s">
        <v>123</v>
      </c>
      <c r="B63" s="17"/>
      <c r="C63" s="13">
        <v>3046</v>
      </c>
      <c r="D63" s="19">
        <v>1492</v>
      </c>
      <c r="E63" s="19">
        <v>1554</v>
      </c>
      <c r="F63" s="19"/>
      <c r="G63" s="18" t="s">
        <v>124</v>
      </c>
      <c r="H63" s="17"/>
      <c r="I63" s="13">
        <v>116</v>
      </c>
      <c r="J63" s="19">
        <v>19</v>
      </c>
      <c r="K63" s="19">
        <v>97</v>
      </c>
    </row>
    <row r="64" spans="1:11" ht="15" customHeight="1">
      <c r="A64" s="17" t="s">
        <v>125</v>
      </c>
      <c r="B64" s="17"/>
      <c r="C64" s="13">
        <v>3105</v>
      </c>
      <c r="D64" s="19">
        <v>1467</v>
      </c>
      <c r="E64" s="19">
        <v>1638</v>
      </c>
      <c r="F64" s="19"/>
      <c r="G64" s="18" t="s">
        <v>126</v>
      </c>
      <c r="H64" s="17"/>
      <c r="I64" s="13">
        <v>71</v>
      </c>
      <c r="J64" s="19">
        <v>13</v>
      </c>
      <c r="K64" s="19">
        <v>58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37</v>
      </c>
      <c r="J65" s="19">
        <v>17</v>
      </c>
      <c r="K65" s="19">
        <v>120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3952</v>
      </c>
      <c r="J66" s="27">
        <v>2448</v>
      </c>
      <c r="K66" s="27">
        <v>1504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6" t="s">
        <v>129</v>
      </c>
      <c r="B2" s="6"/>
      <c r="C2" s="7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685839</v>
      </c>
      <c r="D4" s="14">
        <v>333408</v>
      </c>
      <c r="E4" s="14">
        <v>352431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9219</v>
      </c>
      <c r="D5" s="14">
        <v>9883</v>
      </c>
      <c r="E5" s="14">
        <v>9336</v>
      </c>
      <c r="F5" s="14"/>
      <c r="G5" s="18" t="s">
        <v>8</v>
      </c>
      <c r="H5" s="17"/>
      <c r="I5" s="13">
        <v>56371</v>
      </c>
      <c r="J5" s="14">
        <v>28292</v>
      </c>
      <c r="K5" s="14">
        <v>28079</v>
      </c>
    </row>
    <row r="6" spans="1:11" ht="15" customHeight="1">
      <c r="A6" s="17" t="s">
        <v>9</v>
      </c>
      <c r="B6" s="17"/>
      <c r="C6" s="13">
        <v>3492</v>
      </c>
      <c r="D6" s="19">
        <v>1832</v>
      </c>
      <c r="E6" s="19">
        <v>1660</v>
      </c>
      <c r="F6" s="19"/>
      <c r="G6" s="18" t="s">
        <v>10</v>
      </c>
      <c r="H6" s="17"/>
      <c r="I6" s="13">
        <v>11782</v>
      </c>
      <c r="J6" s="19">
        <v>5829</v>
      </c>
      <c r="K6" s="19">
        <v>5953</v>
      </c>
    </row>
    <row r="7" spans="1:11" ht="15" customHeight="1">
      <c r="A7" s="17" t="s">
        <v>11</v>
      </c>
      <c r="B7" s="17"/>
      <c r="C7" s="13">
        <v>3522</v>
      </c>
      <c r="D7" s="19">
        <v>1771</v>
      </c>
      <c r="E7" s="19">
        <v>1751</v>
      </c>
      <c r="F7" s="19"/>
      <c r="G7" s="18" t="s">
        <v>12</v>
      </c>
      <c r="H7" s="17"/>
      <c r="I7" s="13">
        <v>11426</v>
      </c>
      <c r="J7" s="19">
        <v>5708</v>
      </c>
      <c r="K7" s="19">
        <v>5718</v>
      </c>
    </row>
    <row r="8" spans="1:11" ht="15" customHeight="1">
      <c r="A8" s="17" t="s">
        <v>13</v>
      </c>
      <c r="B8" s="17"/>
      <c r="C8" s="13">
        <v>3917</v>
      </c>
      <c r="D8" s="19">
        <v>2034</v>
      </c>
      <c r="E8" s="19">
        <v>1883</v>
      </c>
      <c r="F8" s="19"/>
      <c r="G8" s="18" t="s">
        <v>14</v>
      </c>
      <c r="H8" s="17"/>
      <c r="I8" s="13">
        <v>11054</v>
      </c>
      <c r="J8" s="19">
        <v>5600</v>
      </c>
      <c r="K8" s="19">
        <v>5454</v>
      </c>
    </row>
    <row r="9" spans="1:11" ht="15" customHeight="1">
      <c r="A9" s="17" t="s">
        <v>15</v>
      </c>
      <c r="B9" s="17"/>
      <c r="C9" s="13">
        <v>4103</v>
      </c>
      <c r="D9" s="19">
        <v>2089</v>
      </c>
      <c r="E9" s="19">
        <v>2014</v>
      </c>
      <c r="F9" s="19"/>
      <c r="G9" s="18" t="s">
        <v>16</v>
      </c>
      <c r="H9" s="17"/>
      <c r="I9" s="13">
        <v>10934</v>
      </c>
      <c r="J9" s="19">
        <v>5505</v>
      </c>
      <c r="K9" s="19">
        <v>5429</v>
      </c>
    </row>
    <row r="10" spans="1:11" ht="15" customHeight="1">
      <c r="A10" s="17" t="s">
        <v>17</v>
      </c>
      <c r="B10" s="17"/>
      <c r="C10" s="13">
        <v>4185</v>
      </c>
      <c r="D10" s="19">
        <v>2157</v>
      </c>
      <c r="E10" s="19">
        <v>2028</v>
      </c>
      <c r="F10" s="19"/>
      <c r="G10" s="18" t="s">
        <v>18</v>
      </c>
      <c r="H10" s="17"/>
      <c r="I10" s="13">
        <v>11175</v>
      </c>
      <c r="J10" s="19">
        <v>5650</v>
      </c>
      <c r="K10" s="19">
        <v>5525</v>
      </c>
    </row>
    <row r="11" spans="1:11" ht="20.100000000000001" customHeight="1">
      <c r="A11" s="17" t="s">
        <v>19</v>
      </c>
      <c r="B11" s="17"/>
      <c r="C11" s="13">
        <v>24734</v>
      </c>
      <c r="D11" s="14">
        <v>12703</v>
      </c>
      <c r="E11" s="14">
        <v>12031</v>
      </c>
      <c r="F11" s="14"/>
      <c r="G11" s="18" t="s">
        <v>20</v>
      </c>
      <c r="H11" s="17"/>
      <c r="I11" s="13">
        <v>45526</v>
      </c>
      <c r="J11" s="14">
        <v>22999</v>
      </c>
      <c r="K11" s="14">
        <v>22527</v>
      </c>
    </row>
    <row r="12" spans="1:11" ht="15" customHeight="1">
      <c r="A12" s="17" t="s">
        <v>21</v>
      </c>
      <c r="B12" s="17"/>
      <c r="C12" s="13">
        <v>4636</v>
      </c>
      <c r="D12" s="19">
        <v>2405</v>
      </c>
      <c r="E12" s="19">
        <v>2231</v>
      </c>
      <c r="F12" s="19"/>
      <c r="G12" s="18" t="s">
        <v>22</v>
      </c>
      <c r="H12" s="17"/>
      <c r="I12" s="13">
        <v>8130</v>
      </c>
      <c r="J12" s="19">
        <v>4135</v>
      </c>
      <c r="K12" s="19">
        <v>3995</v>
      </c>
    </row>
    <row r="13" spans="1:11" ht="15" customHeight="1">
      <c r="A13" s="17" t="s">
        <v>23</v>
      </c>
      <c r="B13" s="17"/>
      <c r="C13" s="13">
        <v>4905</v>
      </c>
      <c r="D13" s="19">
        <v>2537</v>
      </c>
      <c r="E13" s="19">
        <v>2368</v>
      </c>
      <c r="F13" s="19"/>
      <c r="G13" s="18" t="s">
        <v>24</v>
      </c>
      <c r="H13" s="17"/>
      <c r="I13" s="13">
        <v>10228</v>
      </c>
      <c r="J13" s="19">
        <v>5162</v>
      </c>
      <c r="K13" s="19">
        <v>5066</v>
      </c>
    </row>
    <row r="14" spans="1:11" ht="15" customHeight="1">
      <c r="A14" s="17" t="s">
        <v>25</v>
      </c>
      <c r="B14" s="17"/>
      <c r="C14" s="13">
        <v>4882</v>
      </c>
      <c r="D14" s="19">
        <v>2485</v>
      </c>
      <c r="E14" s="19">
        <v>2397</v>
      </c>
      <c r="F14" s="19"/>
      <c r="G14" s="18" t="s">
        <v>26</v>
      </c>
      <c r="H14" s="17"/>
      <c r="I14" s="13">
        <v>9352</v>
      </c>
      <c r="J14" s="19">
        <v>4707</v>
      </c>
      <c r="K14" s="19">
        <v>4645</v>
      </c>
    </row>
    <row r="15" spans="1:11" ht="15" customHeight="1">
      <c r="A15" s="17" t="s">
        <v>27</v>
      </c>
      <c r="B15" s="17"/>
      <c r="C15" s="13">
        <v>5138</v>
      </c>
      <c r="D15" s="19">
        <v>2609</v>
      </c>
      <c r="E15" s="19">
        <v>2529</v>
      </c>
      <c r="F15" s="19"/>
      <c r="G15" s="18" t="s">
        <v>28</v>
      </c>
      <c r="H15" s="17"/>
      <c r="I15" s="13">
        <v>9134</v>
      </c>
      <c r="J15" s="19">
        <v>4584</v>
      </c>
      <c r="K15" s="19">
        <v>4550</v>
      </c>
    </row>
    <row r="16" spans="1:11" ht="15" customHeight="1">
      <c r="A16" s="17" t="s">
        <v>29</v>
      </c>
      <c r="B16" s="17"/>
      <c r="C16" s="13">
        <v>5173</v>
      </c>
      <c r="D16" s="19">
        <v>2667</v>
      </c>
      <c r="E16" s="19">
        <v>2506</v>
      </c>
      <c r="F16" s="19"/>
      <c r="G16" s="18" t="s">
        <v>30</v>
      </c>
      <c r="H16" s="17"/>
      <c r="I16" s="13">
        <v>8682</v>
      </c>
      <c r="J16" s="19">
        <v>4411</v>
      </c>
      <c r="K16" s="19">
        <v>4271</v>
      </c>
    </row>
    <row r="17" spans="1:11" ht="20.100000000000001" customHeight="1">
      <c r="A17" s="20" t="s">
        <v>31</v>
      </c>
      <c r="B17" s="20"/>
      <c r="C17" s="13">
        <v>27931</v>
      </c>
      <c r="D17" s="14">
        <v>14210</v>
      </c>
      <c r="E17" s="14">
        <v>13721</v>
      </c>
      <c r="F17" s="14"/>
      <c r="G17" s="18" t="s">
        <v>32</v>
      </c>
      <c r="H17" s="17"/>
      <c r="I17" s="13">
        <v>40185</v>
      </c>
      <c r="J17" s="14">
        <v>20133</v>
      </c>
      <c r="K17" s="14">
        <v>20052</v>
      </c>
    </row>
    <row r="18" spans="1:11" ht="15" customHeight="1">
      <c r="A18" s="17" t="s">
        <v>33</v>
      </c>
      <c r="B18" s="17"/>
      <c r="C18" s="13">
        <v>5368</v>
      </c>
      <c r="D18" s="19">
        <v>2695</v>
      </c>
      <c r="E18" s="19">
        <v>2673</v>
      </c>
      <c r="F18" s="19"/>
      <c r="G18" s="18" t="s">
        <v>34</v>
      </c>
      <c r="H18" s="17"/>
      <c r="I18" s="13">
        <v>8466</v>
      </c>
      <c r="J18" s="19">
        <v>4276</v>
      </c>
      <c r="K18" s="19">
        <v>4190</v>
      </c>
    </row>
    <row r="19" spans="1:11" ht="15" customHeight="1">
      <c r="A19" s="17" t="s">
        <v>35</v>
      </c>
      <c r="B19" s="17"/>
      <c r="C19" s="13">
        <v>5614</v>
      </c>
      <c r="D19" s="19">
        <v>2885</v>
      </c>
      <c r="E19" s="19">
        <v>2729</v>
      </c>
      <c r="F19" s="19"/>
      <c r="G19" s="18" t="s">
        <v>36</v>
      </c>
      <c r="H19" s="17"/>
      <c r="I19" s="13">
        <v>8220</v>
      </c>
      <c r="J19" s="19">
        <v>4051</v>
      </c>
      <c r="K19" s="19">
        <v>4169</v>
      </c>
    </row>
    <row r="20" spans="1:11" ht="15" customHeight="1">
      <c r="A20" s="17" t="s">
        <v>37</v>
      </c>
      <c r="B20" s="17"/>
      <c r="C20" s="13">
        <v>5506</v>
      </c>
      <c r="D20" s="19">
        <v>2822</v>
      </c>
      <c r="E20" s="19">
        <v>2684</v>
      </c>
      <c r="F20" s="19"/>
      <c r="G20" s="18" t="s">
        <v>38</v>
      </c>
      <c r="H20" s="17"/>
      <c r="I20" s="13">
        <v>8117</v>
      </c>
      <c r="J20" s="19">
        <v>4143</v>
      </c>
      <c r="K20" s="19">
        <v>3974</v>
      </c>
    </row>
    <row r="21" spans="1:11" ht="15" customHeight="1">
      <c r="A21" s="17" t="s">
        <v>39</v>
      </c>
      <c r="B21" s="17"/>
      <c r="C21" s="13">
        <v>5568</v>
      </c>
      <c r="D21" s="19">
        <v>2820</v>
      </c>
      <c r="E21" s="19">
        <v>2748</v>
      </c>
      <c r="F21" s="19"/>
      <c r="G21" s="18" t="s">
        <v>40</v>
      </c>
      <c r="H21" s="17"/>
      <c r="I21" s="13">
        <v>7967</v>
      </c>
      <c r="J21" s="19">
        <v>3972</v>
      </c>
      <c r="K21" s="19">
        <v>3995</v>
      </c>
    </row>
    <row r="22" spans="1:11" ht="15" customHeight="1">
      <c r="A22" s="17" t="s">
        <v>41</v>
      </c>
      <c r="B22" s="17"/>
      <c r="C22" s="13">
        <v>5875</v>
      </c>
      <c r="D22" s="19">
        <v>2988</v>
      </c>
      <c r="E22" s="19">
        <v>2887</v>
      </c>
      <c r="F22" s="19"/>
      <c r="G22" s="18" t="s">
        <v>42</v>
      </c>
      <c r="H22" s="17"/>
      <c r="I22" s="13">
        <v>7415</v>
      </c>
      <c r="J22" s="19">
        <v>3691</v>
      </c>
      <c r="K22" s="19">
        <v>3724</v>
      </c>
    </row>
    <row r="23" spans="1:11" ht="20.100000000000001" customHeight="1">
      <c r="A23" s="17" t="s">
        <v>43</v>
      </c>
      <c r="B23" s="17"/>
      <c r="C23" s="13">
        <v>31419</v>
      </c>
      <c r="D23" s="14">
        <v>16771</v>
      </c>
      <c r="E23" s="14">
        <v>14648</v>
      </c>
      <c r="F23" s="14"/>
      <c r="G23" s="18" t="s">
        <v>44</v>
      </c>
      <c r="H23" s="17"/>
      <c r="I23" s="13">
        <v>41288</v>
      </c>
      <c r="J23" s="14">
        <v>19924</v>
      </c>
      <c r="K23" s="14">
        <v>21364</v>
      </c>
    </row>
    <row r="24" spans="1:11" ht="15" customHeight="1">
      <c r="A24" s="17" t="s">
        <v>45</v>
      </c>
      <c r="B24" s="17"/>
      <c r="C24" s="13">
        <v>6099</v>
      </c>
      <c r="D24" s="19">
        <v>3242</v>
      </c>
      <c r="E24" s="19">
        <v>2857</v>
      </c>
      <c r="F24" s="19"/>
      <c r="G24" s="18" t="s">
        <v>46</v>
      </c>
      <c r="H24" s="17"/>
      <c r="I24" s="13">
        <v>7740</v>
      </c>
      <c r="J24" s="19">
        <v>3800</v>
      </c>
      <c r="K24" s="19">
        <v>3940</v>
      </c>
    </row>
    <row r="25" spans="1:11" ht="15" customHeight="1">
      <c r="A25" s="17" t="s">
        <v>47</v>
      </c>
      <c r="B25" s="17"/>
      <c r="C25" s="13">
        <v>5791</v>
      </c>
      <c r="D25" s="19">
        <v>2986</v>
      </c>
      <c r="E25" s="19">
        <v>2805</v>
      </c>
      <c r="F25" s="19"/>
      <c r="G25" s="18" t="s">
        <v>48</v>
      </c>
      <c r="H25" s="17"/>
      <c r="I25" s="13">
        <v>8035</v>
      </c>
      <c r="J25" s="19">
        <v>3826</v>
      </c>
      <c r="K25" s="19">
        <v>4209</v>
      </c>
    </row>
    <row r="26" spans="1:11" ht="15" customHeight="1">
      <c r="A26" s="17" t="s">
        <v>49</v>
      </c>
      <c r="B26" s="17"/>
      <c r="C26" s="13">
        <v>6261</v>
      </c>
      <c r="D26" s="19">
        <v>3386</v>
      </c>
      <c r="E26" s="19">
        <v>2875</v>
      </c>
      <c r="F26" s="19"/>
      <c r="G26" s="18" t="s">
        <v>50</v>
      </c>
      <c r="H26" s="17"/>
      <c r="I26" s="13">
        <v>8112</v>
      </c>
      <c r="J26" s="19">
        <v>3956</v>
      </c>
      <c r="K26" s="19">
        <v>4156</v>
      </c>
    </row>
    <row r="27" spans="1:11" ht="15" customHeight="1">
      <c r="A27" s="17" t="s">
        <v>51</v>
      </c>
      <c r="B27" s="17"/>
      <c r="C27" s="13">
        <v>6878</v>
      </c>
      <c r="D27" s="19">
        <v>3770</v>
      </c>
      <c r="E27" s="19">
        <v>3108</v>
      </c>
      <c r="F27" s="19"/>
      <c r="G27" s="18" t="s">
        <v>52</v>
      </c>
      <c r="H27" s="17"/>
      <c r="I27" s="13">
        <v>8353</v>
      </c>
      <c r="J27" s="19">
        <v>4036</v>
      </c>
      <c r="K27" s="19">
        <v>4317</v>
      </c>
    </row>
    <row r="28" spans="1:11" ht="15" customHeight="1">
      <c r="A28" s="17" t="s">
        <v>53</v>
      </c>
      <c r="B28" s="17"/>
      <c r="C28" s="13">
        <v>6390</v>
      </c>
      <c r="D28" s="19">
        <v>3387</v>
      </c>
      <c r="E28" s="19">
        <v>3003</v>
      </c>
      <c r="F28" s="19"/>
      <c r="G28" s="18" t="s">
        <v>54</v>
      </c>
      <c r="H28" s="17"/>
      <c r="I28" s="13">
        <v>9048</v>
      </c>
      <c r="J28" s="19">
        <v>4306</v>
      </c>
      <c r="K28" s="19">
        <v>4742</v>
      </c>
    </row>
    <row r="29" spans="1:11" ht="20.100000000000001" customHeight="1">
      <c r="A29" s="17" t="s">
        <v>55</v>
      </c>
      <c r="B29" s="17"/>
      <c r="C29" s="13">
        <v>31886</v>
      </c>
      <c r="D29" s="14">
        <v>16944</v>
      </c>
      <c r="E29" s="14">
        <v>14942</v>
      </c>
      <c r="F29" s="14"/>
      <c r="G29" s="18" t="s">
        <v>56</v>
      </c>
      <c r="H29" s="17"/>
      <c r="I29" s="13">
        <v>56949</v>
      </c>
      <c r="J29" s="14">
        <v>26510</v>
      </c>
      <c r="K29" s="14">
        <v>30439</v>
      </c>
    </row>
    <row r="30" spans="1:11" ht="15" customHeight="1">
      <c r="A30" s="17" t="s">
        <v>57</v>
      </c>
      <c r="B30" s="17"/>
      <c r="C30" s="13">
        <v>6973</v>
      </c>
      <c r="D30" s="19">
        <v>3755</v>
      </c>
      <c r="E30" s="19">
        <v>3218</v>
      </c>
      <c r="F30" s="19"/>
      <c r="G30" s="18" t="s">
        <v>58</v>
      </c>
      <c r="H30" s="17"/>
      <c r="I30" s="13">
        <v>9630</v>
      </c>
      <c r="J30" s="19">
        <v>4548</v>
      </c>
      <c r="K30" s="19">
        <v>5082</v>
      </c>
    </row>
    <row r="31" spans="1:11" ht="15" customHeight="1">
      <c r="A31" s="17" t="s">
        <v>59</v>
      </c>
      <c r="B31" s="17"/>
      <c r="C31" s="13">
        <v>6952</v>
      </c>
      <c r="D31" s="19">
        <v>3725</v>
      </c>
      <c r="E31" s="19">
        <v>3227</v>
      </c>
      <c r="F31" s="19"/>
      <c r="G31" s="18" t="s">
        <v>60</v>
      </c>
      <c r="H31" s="17"/>
      <c r="I31" s="13">
        <v>10427</v>
      </c>
      <c r="J31" s="19">
        <v>4971</v>
      </c>
      <c r="K31" s="19">
        <v>5456</v>
      </c>
    </row>
    <row r="32" spans="1:11" ht="15" customHeight="1">
      <c r="A32" s="17" t="s">
        <v>61</v>
      </c>
      <c r="B32" s="17"/>
      <c r="C32" s="13">
        <v>6291</v>
      </c>
      <c r="D32" s="19">
        <v>3323</v>
      </c>
      <c r="E32" s="19">
        <v>2968</v>
      </c>
      <c r="F32" s="19"/>
      <c r="G32" s="18" t="s">
        <v>62</v>
      </c>
      <c r="H32" s="17"/>
      <c r="I32" s="13">
        <v>12261</v>
      </c>
      <c r="J32" s="19">
        <v>5731</v>
      </c>
      <c r="K32" s="19">
        <v>6530</v>
      </c>
    </row>
    <row r="33" spans="1:11" ht="15" customHeight="1">
      <c r="A33" s="17" t="s">
        <v>63</v>
      </c>
      <c r="B33" s="17"/>
      <c r="C33" s="13">
        <v>6040</v>
      </c>
      <c r="D33" s="19">
        <v>3162</v>
      </c>
      <c r="E33" s="19">
        <v>2878</v>
      </c>
      <c r="F33" s="19"/>
      <c r="G33" s="18" t="s">
        <v>64</v>
      </c>
      <c r="H33" s="17"/>
      <c r="I33" s="13">
        <v>12099</v>
      </c>
      <c r="J33" s="19">
        <v>5536</v>
      </c>
      <c r="K33" s="19">
        <v>6563</v>
      </c>
    </row>
    <row r="34" spans="1:11" ht="15" customHeight="1">
      <c r="A34" s="17" t="s">
        <v>65</v>
      </c>
      <c r="B34" s="17"/>
      <c r="C34" s="13">
        <v>5630</v>
      </c>
      <c r="D34" s="19">
        <v>2979</v>
      </c>
      <c r="E34" s="19">
        <v>2651</v>
      </c>
      <c r="F34" s="19"/>
      <c r="G34" s="18" t="s">
        <v>66</v>
      </c>
      <c r="H34" s="17"/>
      <c r="I34" s="13">
        <v>12532</v>
      </c>
      <c r="J34" s="19">
        <v>5724</v>
      </c>
      <c r="K34" s="19">
        <v>6808</v>
      </c>
    </row>
    <row r="35" spans="1:11" ht="20.100000000000001" customHeight="1">
      <c r="A35" s="17" t="s">
        <v>67</v>
      </c>
      <c r="B35" s="17"/>
      <c r="C35" s="13">
        <v>25944</v>
      </c>
      <c r="D35" s="14">
        <v>13724</v>
      </c>
      <c r="E35" s="14">
        <v>12220</v>
      </c>
      <c r="F35" s="14"/>
      <c r="G35" s="18" t="s">
        <v>68</v>
      </c>
      <c r="H35" s="17"/>
      <c r="I35" s="13">
        <v>45123</v>
      </c>
      <c r="J35" s="14">
        <v>19861</v>
      </c>
      <c r="K35" s="14">
        <v>25262</v>
      </c>
    </row>
    <row r="36" spans="1:11" ht="15" customHeight="1">
      <c r="A36" s="17" t="s">
        <v>69</v>
      </c>
      <c r="B36" s="17"/>
      <c r="C36" s="13">
        <v>5473</v>
      </c>
      <c r="D36" s="19">
        <v>2938</v>
      </c>
      <c r="E36" s="19">
        <v>2535</v>
      </c>
      <c r="F36" s="19"/>
      <c r="G36" s="18" t="s">
        <v>70</v>
      </c>
      <c r="H36" s="17"/>
      <c r="I36" s="13">
        <v>8645</v>
      </c>
      <c r="J36" s="19">
        <v>3842</v>
      </c>
      <c r="K36" s="19">
        <v>4803</v>
      </c>
    </row>
    <row r="37" spans="1:11" ht="15" customHeight="1">
      <c r="A37" s="17" t="s">
        <v>71</v>
      </c>
      <c r="B37" s="17"/>
      <c r="C37" s="13">
        <v>5125</v>
      </c>
      <c r="D37" s="19">
        <v>2741</v>
      </c>
      <c r="E37" s="19">
        <v>2384</v>
      </c>
      <c r="F37" s="19"/>
      <c r="G37" s="18" t="s">
        <v>72</v>
      </c>
      <c r="H37" s="17"/>
      <c r="I37" s="13">
        <v>7561</v>
      </c>
      <c r="J37" s="19">
        <v>3307</v>
      </c>
      <c r="K37" s="19">
        <v>4254</v>
      </c>
    </row>
    <row r="38" spans="1:11" ht="15" customHeight="1">
      <c r="A38" s="17" t="s">
        <v>73</v>
      </c>
      <c r="B38" s="17"/>
      <c r="C38" s="13">
        <v>5327</v>
      </c>
      <c r="D38" s="19">
        <v>2810</v>
      </c>
      <c r="E38" s="19">
        <v>2517</v>
      </c>
      <c r="F38" s="19"/>
      <c r="G38" s="18" t="s">
        <v>74</v>
      </c>
      <c r="H38" s="17"/>
      <c r="I38" s="13">
        <v>9580</v>
      </c>
      <c r="J38" s="19">
        <v>4185</v>
      </c>
      <c r="K38" s="19">
        <v>5395</v>
      </c>
    </row>
    <row r="39" spans="1:11" ht="15" customHeight="1">
      <c r="A39" s="17" t="s">
        <v>75</v>
      </c>
      <c r="B39" s="17"/>
      <c r="C39" s="13">
        <v>4968</v>
      </c>
      <c r="D39" s="19">
        <v>2648</v>
      </c>
      <c r="E39" s="19">
        <v>2320</v>
      </c>
      <c r="F39" s="19"/>
      <c r="G39" s="18" t="s">
        <v>76</v>
      </c>
      <c r="H39" s="17"/>
      <c r="I39" s="13">
        <v>9868</v>
      </c>
      <c r="J39" s="19">
        <v>4342</v>
      </c>
      <c r="K39" s="19">
        <v>5526</v>
      </c>
    </row>
    <row r="40" spans="1:11" ht="15" customHeight="1">
      <c r="A40" s="17" t="s">
        <v>77</v>
      </c>
      <c r="B40" s="17"/>
      <c r="C40" s="13">
        <v>5051</v>
      </c>
      <c r="D40" s="19">
        <v>2587</v>
      </c>
      <c r="E40" s="19">
        <v>2464</v>
      </c>
      <c r="F40" s="19"/>
      <c r="G40" s="18" t="s">
        <v>78</v>
      </c>
      <c r="H40" s="17"/>
      <c r="I40" s="13">
        <v>9469</v>
      </c>
      <c r="J40" s="19">
        <v>4185</v>
      </c>
      <c r="K40" s="19">
        <v>5284</v>
      </c>
    </row>
    <row r="41" spans="1:11" ht="20.100000000000001" customHeight="1">
      <c r="A41" s="17" t="s">
        <v>79</v>
      </c>
      <c r="B41" s="17"/>
      <c r="C41" s="13">
        <v>27759</v>
      </c>
      <c r="D41" s="14">
        <v>14479</v>
      </c>
      <c r="E41" s="14">
        <v>13280</v>
      </c>
      <c r="F41" s="14"/>
      <c r="G41" s="18" t="s">
        <v>80</v>
      </c>
      <c r="H41" s="17"/>
      <c r="I41" s="13">
        <v>37646</v>
      </c>
      <c r="J41" s="14">
        <v>16021</v>
      </c>
      <c r="K41" s="14">
        <v>21625</v>
      </c>
    </row>
    <row r="42" spans="1:11" ht="15" customHeight="1">
      <c r="A42" s="17" t="s">
        <v>81</v>
      </c>
      <c r="B42" s="17"/>
      <c r="C42" s="13">
        <v>5217</v>
      </c>
      <c r="D42" s="19">
        <v>2771</v>
      </c>
      <c r="E42" s="19">
        <v>2446</v>
      </c>
      <c r="F42" s="19"/>
      <c r="G42" s="18" t="s">
        <v>82</v>
      </c>
      <c r="H42" s="17"/>
      <c r="I42" s="13">
        <v>9345</v>
      </c>
      <c r="J42" s="19">
        <v>4052</v>
      </c>
      <c r="K42" s="19">
        <v>5293</v>
      </c>
    </row>
    <row r="43" spans="1:11" ht="15" customHeight="1">
      <c r="A43" s="17" t="s">
        <v>83</v>
      </c>
      <c r="B43" s="17"/>
      <c r="C43" s="13">
        <v>5346</v>
      </c>
      <c r="D43" s="19">
        <v>2781</v>
      </c>
      <c r="E43" s="19">
        <v>2565</v>
      </c>
      <c r="F43" s="19"/>
      <c r="G43" s="18" t="s">
        <v>84</v>
      </c>
      <c r="H43" s="17"/>
      <c r="I43" s="13">
        <v>8116</v>
      </c>
      <c r="J43" s="19">
        <v>3434</v>
      </c>
      <c r="K43" s="19">
        <v>4682</v>
      </c>
    </row>
    <row r="44" spans="1:11" ht="15" customHeight="1">
      <c r="A44" s="17" t="s">
        <v>85</v>
      </c>
      <c r="B44" s="17"/>
      <c r="C44" s="13">
        <v>5485</v>
      </c>
      <c r="D44" s="19">
        <v>2829</v>
      </c>
      <c r="E44" s="19">
        <v>2656</v>
      </c>
      <c r="F44" s="19"/>
      <c r="G44" s="18" t="s">
        <v>86</v>
      </c>
      <c r="H44" s="17"/>
      <c r="I44" s="13">
        <v>6995</v>
      </c>
      <c r="J44" s="19">
        <v>2979</v>
      </c>
      <c r="K44" s="19">
        <v>4016</v>
      </c>
    </row>
    <row r="45" spans="1:11" ht="15" customHeight="1">
      <c r="A45" s="17" t="s">
        <v>87</v>
      </c>
      <c r="B45" s="17"/>
      <c r="C45" s="13">
        <v>5815</v>
      </c>
      <c r="D45" s="19">
        <v>3069</v>
      </c>
      <c r="E45" s="19">
        <v>2746</v>
      </c>
      <c r="F45" s="19"/>
      <c r="G45" s="18" t="s">
        <v>88</v>
      </c>
      <c r="H45" s="17"/>
      <c r="I45" s="13">
        <v>6439</v>
      </c>
      <c r="J45" s="19">
        <v>2714</v>
      </c>
      <c r="K45" s="19">
        <v>3725</v>
      </c>
    </row>
    <row r="46" spans="1:11" ht="15" customHeight="1">
      <c r="A46" s="17" t="s">
        <v>89</v>
      </c>
      <c r="B46" s="17"/>
      <c r="C46" s="13">
        <v>5896</v>
      </c>
      <c r="D46" s="19">
        <v>3029</v>
      </c>
      <c r="E46" s="19">
        <v>2867</v>
      </c>
      <c r="F46" s="19"/>
      <c r="G46" s="18" t="s">
        <v>90</v>
      </c>
      <c r="H46" s="17"/>
      <c r="I46" s="13">
        <v>6751</v>
      </c>
      <c r="J46" s="19">
        <v>2842</v>
      </c>
      <c r="K46" s="19">
        <v>3909</v>
      </c>
    </row>
    <row r="47" spans="1:11" ht="20.100000000000001" customHeight="1">
      <c r="A47" s="17" t="s">
        <v>91</v>
      </c>
      <c r="B47" s="17"/>
      <c r="C47" s="13">
        <v>33355</v>
      </c>
      <c r="D47" s="14">
        <v>17022</v>
      </c>
      <c r="E47" s="14">
        <v>16333</v>
      </c>
      <c r="F47" s="14"/>
      <c r="G47" s="18" t="s">
        <v>92</v>
      </c>
      <c r="H47" s="17"/>
      <c r="I47" s="13">
        <v>25490</v>
      </c>
      <c r="J47" s="14">
        <v>9803</v>
      </c>
      <c r="K47" s="14">
        <v>15687</v>
      </c>
    </row>
    <row r="48" spans="1:11" ht="15" customHeight="1">
      <c r="A48" s="17" t="s">
        <v>93</v>
      </c>
      <c r="B48" s="17"/>
      <c r="C48" s="13">
        <v>6087</v>
      </c>
      <c r="D48" s="19">
        <v>3169</v>
      </c>
      <c r="E48" s="19">
        <v>2918</v>
      </c>
      <c r="F48" s="19"/>
      <c r="G48" s="18" t="s">
        <v>94</v>
      </c>
      <c r="H48" s="17"/>
      <c r="I48" s="13">
        <v>6027</v>
      </c>
      <c r="J48" s="19">
        <v>2434</v>
      </c>
      <c r="K48" s="19">
        <v>3593</v>
      </c>
    </row>
    <row r="49" spans="1:11" ht="15" customHeight="1">
      <c r="A49" s="17" t="s">
        <v>95</v>
      </c>
      <c r="B49" s="17"/>
      <c r="C49" s="13">
        <v>6394</v>
      </c>
      <c r="D49" s="19">
        <v>3286</v>
      </c>
      <c r="E49" s="19">
        <v>3108</v>
      </c>
      <c r="F49" s="19"/>
      <c r="G49" s="18" t="s">
        <v>96</v>
      </c>
      <c r="H49" s="17"/>
      <c r="I49" s="13">
        <v>6015</v>
      </c>
      <c r="J49" s="19">
        <v>2410</v>
      </c>
      <c r="K49" s="19">
        <v>3605</v>
      </c>
    </row>
    <row r="50" spans="1:11" ht="15" customHeight="1">
      <c r="A50" s="17" t="s">
        <v>97</v>
      </c>
      <c r="B50" s="17"/>
      <c r="C50" s="13">
        <v>6758</v>
      </c>
      <c r="D50" s="19">
        <v>3453</v>
      </c>
      <c r="E50" s="19">
        <v>3305</v>
      </c>
      <c r="F50" s="19"/>
      <c r="G50" s="18" t="s">
        <v>98</v>
      </c>
      <c r="H50" s="17"/>
      <c r="I50" s="13">
        <v>4878</v>
      </c>
      <c r="J50" s="19">
        <v>1856</v>
      </c>
      <c r="K50" s="19">
        <v>3022</v>
      </c>
    </row>
    <row r="51" spans="1:11" ht="15" customHeight="1">
      <c r="A51" s="17" t="s">
        <v>99</v>
      </c>
      <c r="B51" s="17"/>
      <c r="C51" s="13">
        <v>7008</v>
      </c>
      <c r="D51" s="19">
        <v>3509</v>
      </c>
      <c r="E51" s="19">
        <v>3499</v>
      </c>
      <c r="F51" s="19"/>
      <c r="G51" s="18" t="s">
        <v>100</v>
      </c>
      <c r="H51" s="17"/>
      <c r="I51" s="13">
        <v>4650</v>
      </c>
      <c r="J51" s="19">
        <v>1707</v>
      </c>
      <c r="K51" s="19">
        <v>2943</v>
      </c>
    </row>
    <row r="52" spans="1:11" ht="15" customHeight="1">
      <c r="A52" s="17" t="s">
        <v>101</v>
      </c>
      <c r="B52" s="17"/>
      <c r="C52" s="13">
        <v>7108</v>
      </c>
      <c r="D52" s="19">
        <v>3605</v>
      </c>
      <c r="E52" s="19">
        <v>3503</v>
      </c>
      <c r="F52" s="19"/>
      <c r="G52" s="18" t="s">
        <v>102</v>
      </c>
      <c r="H52" s="17"/>
      <c r="I52" s="13">
        <v>3920</v>
      </c>
      <c r="J52" s="19">
        <v>1396</v>
      </c>
      <c r="K52" s="19">
        <v>2524</v>
      </c>
    </row>
    <row r="53" spans="1:11" ht="20.100000000000001" customHeight="1">
      <c r="A53" s="17" t="s">
        <v>103</v>
      </c>
      <c r="B53" s="17"/>
      <c r="C53" s="13">
        <v>41146</v>
      </c>
      <c r="D53" s="14">
        <v>20612</v>
      </c>
      <c r="E53" s="14">
        <v>20534</v>
      </c>
      <c r="F53" s="14"/>
      <c r="G53" s="18" t="s">
        <v>104</v>
      </c>
      <c r="H53" s="17"/>
      <c r="I53" s="13">
        <v>12042</v>
      </c>
      <c r="J53" s="14">
        <v>3604</v>
      </c>
      <c r="K53" s="14">
        <v>8438</v>
      </c>
    </row>
    <row r="54" spans="1:11" ht="15" customHeight="1">
      <c r="A54" s="17" t="s">
        <v>105</v>
      </c>
      <c r="B54" s="17"/>
      <c r="C54" s="13">
        <v>7310</v>
      </c>
      <c r="D54" s="19">
        <v>3644</v>
      </c>
      <c r="E54" s="19">
        <v>3666</v>
      </c>
      <c r="F54" s="19"/>
      <c r="G54" s="18" t="s">
        <v>106</v>
      </c>
      <c r="H54" s="17"/>
      <c r="I54" s="13">
        <v>3308</v>
      </c>
      <c r="J54" s="19">
        <v>1063</v>
      </c>
      <c r="K54" s="19">
        <v>2245</v>
      </c>
    </row>
    <row r="55" spans="1:11" ht="15" customHeight="1">
      <c r="A55" s="17" t="s">
        <v>107</v>
      </c>
      <c r="B55" s="17"/>
      <c r="C55" s="13">
        <v>7657</v>
      </c>
      <c r="D55" s="19">
        <v>3802</v>
      </c>
      <c r="E55" s="19">
        <v>3855</v>
      </c>
      <c r="F55" s="19"/>
      <c r="G55" s="18" t="s">
        <v>108</v>
      </c>
      <c r="H55" s="17"/>
      <c r="I55" s="13">
        <v>2867</v>
      </c>
      <c r="J55" s="19">
        <v>932</v>
      </c>
      <c r="K55" s="19">
        <v>1935</v>
      </c>
    </row>
    <row r="56" spans="1:11" ht="15" customHeight="1">
      <c r="A56" s="17" t="s">
        <v>109</v>
      </c>
      <c r="B56" s="17"/>
      <c r="C56" s="13">
        <v>8420</v>
      </c>
      <c r="D56" s="19">
        <v>4219</v>
      </c>
      <c r="E56" s="19">
        <v>4201</v>
      </c>
      <c r="F56" s="19"/>
      <c r="G56" s="18" t="s">
        <v>110</v>
      </c>
      <c r="H56" s="17"/>
      <c r="I56" s="13">
        <v>2426</v>
      </c>
      <c r="J56" s="19">
        <v>690</v>
      </c>
      <c r="K56" s="19">
        <v>1736</v>
      </c>
    </row>
    <row r="57" spans="1:11" ht="15" customHeight="1">
      <c r="A57" s="17" t="s">
        <v>111</v>
      </c>
      <c r="B57" s="17"/>
      <c r="C57" s="13">
        <v>8707</v>
      </c>
      <c r="D57" s="19">
        <v>4382</v>
      </c>
      <c r="E57" s="19">
        <v>4325</v>
      </c>
      <c r="F57" s="19"/>
      <c r="G57" s="18" t="s">
        <v>112</v>
      </c>
      <c r="H57" s="17"/>
      <c r="I57" s="13">
        <v>1948</v>
      </c>
      <c r="J57" s="19">
        <v>536</v>
      </c>
      <c r="K57" s="19">
        <v>1412</v>
      </c>
    </row>
    <row r="58" spans="1:11" ht="15" customHeight="1">
      <c r="A58" s="17" t="s">
        <v>113</v>
      </c>
      <c r="B58" s="17"/>
      <c r="C58" s="13">
        <v>9052</v>
      </c>
      <c r="D58" s="19">
        <v>4565</v>
      </c>
      <c r="E58" s="19">
        <v>4487</v>
      </c>
      <c r="F58" s="19"/>
      <c r="G58" s="18" t="s">
        <v>114</v>
      </c>
      <c r="H58" s="17"/>
      <c r="I58" s="13">
        <v>1493</v>
      </c>
      <c r="J58" s="19">
        <v>383</v>
      </c>
      <c r="K58" s="19">
        <v>1110</v>
      </c>
    </row>
    <row r="59" spans="1:11" ht="20.100000000000001" customHeight="1">
      <c r="A59" s="17" t="s">
        <v>115</v>
      </c>
      <c r="B59" s="17"/>
      <c r="C59" s="13">
        <v>54165</v>
      </c>
      <c r="D59" s="14">
        <v>27198</v>
      </c>
      <c r="E59" s="14">
        <v>26967</v>
      </c>
      <c r="F59" s="14"/>
      <c r="G59" s="18" t="s">
        <v>116</v>
      </c>
      <c r="H59" s="17"/>
      <c r="I59" s="13">
        <v>3260</v>
      </c>
      <c r="J59" s="14">
        <v>712</v>
      </c>
      <c r="K59" s="14">
        <v>2548</v>
      </c>
    </row>
    <row r="60" spans="1:11" ht="15" customHeight="1">
      <c r="A60" s="17" t="s">
        <v>117</v>
      </c>
      <c r="B60" s="17"/>
      <c r="C60" s="13">
        <v>9773</v>
      </c>
      <c r="D60" s="19">
        <v>4872</v>
      </c>
      <c r="E60" s="19">
        <v>4901</v>
      </c>
      <c r="F60" s="19"/>
      <c r="G60" s="18" t="s">
        <v>118</v>
      </c>
      <c r="H60" s="17"/>
      <c r="I60" s="13">
        <v>1090</v>
      </c>
      <c r="J60" s="19">
        <v>284</v>
      </c>
      <c r="K60" s="19">
        <v>806</v>
      </c>
    </row>
    <row r="61" spans="1:11" ht="15" customHeight="1">
      <c r="A61" s="17" t="s">
        <v>119</v>
      </c>
      <c r="B61" s="17"/>
      <c r="C61" s="13">
        <v>10118</v>
      </c>
      <c r="D61" s="19">
        <v>5145</v>
      </c>
      <c r="E61" s="19">
        <v>4973</v>
      </c>
      <c r="F61" s="19"/>
      <c r="G61" s="18" t="s">
        <v>120</v>
      </c>
      <c r="H61" s="17"/>
      <c r="I61" s="13">
        <v>887</v>
      </c>
      <c r="J61" s="19">
        <v>176</v>
      </c>
      <c r="K61" s="19">
        <v>711</v>
      </c>
    </row>
    <row r="62" spans="1:11" ht="15" customHeight="1">
      <c r="A62" s="17" t="s">
        <v>121</v>
      </c>
      <c r="B62" s="17"/>
      <c r="C62" s="13">
        <v>10827</v>
      </c>
      <c r="D62" s="19">
        <v>5450</v>
      </c>
      <c r="E62" s="19">
        <v>5377</v>
      </c>
      <c r="F62" s="19"/>
      <c r="G62" s="18" t="s">
        <v>122</v>
      </c>
      <c r="H62" s="17"/>
      <c r="I62" s="13">
        <v>594</v>
      </c>
      <c r="J62" s="19">
        <v>125</v>
      </c>
      <c r="K62" s="19">
        <v>469</v>
      </c>
    </row>
    <row r="63" spans="1:11" ht="15" customHeight="1">
      <c r="A63" s="17" t="s">
        <v>123</v>
      </c>
      <c r="B63" s="17"/>
      <c r="C63" s="13">
        <v>11672</v>
      </c>
      <c r="D63" s="19">
        <v>5821</v>
      </c>
      <c r="E63" s="19">
        <v>5851</v>
      </c>
      <c r="F63" s="19"/>
      <c r="G63" s="18" t="s">
        <v>124</v>
      </c>
      <c r="H63" s="17"/>
      <c r="I63" s="13">
        <v>413</v>
      </c>
      <c r="J63" s="19">
        <v>83</v>
      </c>
      <c r="K63" s="19">
        <v>330</v>
      </c>
    </row>
    <row r="64" spans="1:11" ht="15" customHeight="1">
      <c r="A64" s="17" t="s">
        <v>125</v>
      </c>
      <c r="B64" s="17"/>
      <c r="C64" s="13">
        <v>11775</v>
      </c>
      <c r="D64" s="19">
        <v>5910</v>
      </c>
      <c r="E64" s="19">
        <v>5865</v>
      </c>
      <c r="F64" s="19"/>
      <c r="G64" s="18" t="s">
        <v>126</v>
      </c>
      <c r="H64" s="17"/>
      <c r="I64" s="13">
        <v>276</v>
      </c>
      <c r="J64" s="19">
        <v>44</v>
      </c>
      <c r="K64" s="19">
        <v>232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586</v>
      </c>
      <c r="J65" s="19">
        <v>73</v>
      </c>
      <c r="K65" s="19">
        <v>513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3815</v>
      </c>
      <c r="J66" s="27">
        <v>1930</v>
      </c>
      <c r="K66" s="27">
        <v>1885</v>
      </c>
    </row>
    <row r="68" spans="1:11">
      <c r="F68" s="28"/>
    </row>
    <row r="75" spans="1:11">
      <c r="F75" s="29"/>
    </row>
    <row r="76" spans="1:11">
      <c r="F76" s="22"/>
    </row>
    <row r="77" spans="1:11">
      <c r="F77" s="22"/>
    </row>
    <row r="78" spans="1:11">
      <c r="F78" s="22"/>
    </row>
    <row r="79" spans="1:11">
      <c r="F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4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30" t="s">
        <v>4</v>
      </c>
      <c r="D3" s="30" t="s">
        <v>5</v>
      </c>
      <c r="E3" s="30" t="s">
        <v>6</v>
      </c>
      <c r="F3" s="31"/>
      <c r="G3" s="11" t="s">
        <v>3</v>
      </c>
      <c r="H3" s="9"/>
      <c r="I3" s="30" t="s">
        <v>4</v>
      </c>
      <c r="J3" s="30" t="s">
        <v>5</v>
      </c>
      <c r="K3" s="30" t="s">
        <v>6</v>
      </c>
    </row>
    <row r="4" spans="1:11" ht="19.5" customHeight="1">
      <c r="A4" s="28" t="s">
        <v>4</v>
      </c>
      <c r="B4" s="28"/>
      <c r="C4" s="32">
        <v>295580</v>
      </c>
      <c r="D4" s="33">
        <v>152335</v>
      </c>
      <c r="E4" s="33">
        <v>143245</v>
      </c>
      <c r="F4" s="33"/>
      <c r="G4" s="15"/>
      <c r="H4" s="12"/>
      <c r="I4" s="34"/>
      <c r="J4" s="28"/>
      <c r="K4" s="28"/>
    </row>
    <row r="5" spans="1:11" ht="19.5" customHeight="1">
      <c r="A5" s="17" t="s">
        <v>7</v>
      </c>
      <c r="B5" s="17"/>
      <c r="C5" s="32">
        <v>11004</v>
      </c>
      <c r="D5" s="33">
        <v>5701</v>
      </c>
      <c r="E5" s="33">
        <v>5303</v>
      </c>
      <c r="F5" s="33"/>
      <c r="G5" s="18" t="s">
        <v>8</v>
      </c>
      <c r="H5" s="17"/>
      <c r="I5" s="32">
        <v>24097</v>
      </c>
      <c r="J5" s="33">
        <v>13036</v>
      </c>
      <c r="K5" s="33">
        <v>11061</v>
      </c>
    </row>
    <row r="6" spans="1:11" ht="15" customHeight="1">
      <c r="A6" s="17" t="s">
        <v>9</v>
      </c>
      <c r="B6" s="17"/>
      <c r="C6" s="32">
        <v>2049</v>
      </c>
      <c r="D6" s="19">
        <v>1056</v>
      </c>
      <c r="E6" s="19">
        <v>993</v>
      </c>
      <c r="F6" s="19"/>
      <c r="G6" s="18" t="s">
        <v>10</v>
      </c>
      <c r="H6" s="17"/>
      <c r="I6" s="32">
        <v>5047</v>
      </c>
      <c r="J6" s="19">
        <v>2742</v>
      </c>
      <c r="K6" s="19">
        <v>2305</v>
      </c>
    </row>
    <row r="7" spans="1:11" ht="15" customHeight="1">
      <c r="A7" s="17" t="s">
        <v>11</v>
      </c>
      <c r="B7" s="17"/>
      <c r="C7" s="32">
        <v>2084</v>
      </c>
      <c r="D7" s="19">
        <v>1063</v>
      </c>
      <c r="E7" s="19">
        <v>1021</v>
      </c>
      <c r="F7" s="19"/>
      <c r="G7" s="18" t="s">
        <v>12</v>
      </c>
      <c r="H7" s="17"/>
      <c r="I7" s="32">
        <v>4911</v>
      </c>
      <c r="J7" s="19">
        <v>2598</v>
      </c>
      <c r="K7" s="19">
        <v>2313</v>
      </c>
    </row>
    <row r="8" spans="1:11" ht="15" customHeight="1">
      <c r="A8" s="17" t="s">
        <v>13</v>
      </c>
      <c r="B8" s="17"/>
      <c r="C8" s="32">
        <v>2220</v>
      </c>
      <c r="D8" s="19">
        <v>1185</v>
      </c>
      <c r="E8" s="19">
        <v>1035</v>
      </c>
      <c r="F8" s="19"/>
      <c r="G8" s="18" t="s">
        <v>14</v>
      </c>
      <c r="H8" s="17"/>
      <c r="I8" s="32">
        <v>4710</v>
      </c>
      <c r="J8" s="19">
        <v>2539</v>
      </c>
      <c r="K8" s="19">
        <v>2171</v>
      </c>
    </row>
    <row r="9" spans="1:11" ht="15" customHeight="1">
      <c r="A9" s="17" t="s">
        <v>15</v>
      </c>
      <c r="B9" s="17"/>
      <c r="C9" s="32">
        <v>2316</v>
      </c>
      <c r="D9" s="19">
        <v>1158</v>
      </c>
      <c r="E9" s="19">
        <v>1158</v>
      </c>
      <c r="F9" s="19"/>
      <c r="G9" s="18" t="s">
        <v>16</v>
      </c>
      <c r="H9" s="17"/>
      <c r="I9" s="32">
        <v>4703</v>
      </c>
      <c r="J9" s="19">
        <v>2613</v>
      </c>
      <c r="K9" s="19">
        <v>2090</v>
      </c>
    </row>
    <row r="10" spans="1:11" ht="15" customHeight="1">
      <c r="A10" s="17" t="s">
        <v>17</v>
      </c>
      <c r="B10" s="17"/>
      <c r="C10" s="32">
        <v>2335</v>
      </c>
      <c r="D10" s="19">
        <v>1239</v>
      </c>
      <c r="E10" s="19">
        <v>1096</v>
      </c>
      <c r="F10" s="19"/>
      <c r="G10" s="18" t="s">
        <v>18</v>
      </c>
      <c r="H10" s="17"/>
      <c r="I10" s="32">
        <v>4726</v>
      </c>
      <c r="J10" s="19">
        <v>2544</v>
      </c>
      <c r="K10" s="19">
        <v>2182</v>
      </c>
    </row>
    <row r="11" spans="1:11" ht="20.100000000000001" customHeight="1">
      <c r="A11" s="17" t="s">
        <v>19</v>
      </c>
      <c r="B11" s="17"/>
      <c r="C11" s="32">
        <v>12584</v>
      </c>
      <c r="D11" s="33">
        <v>6405</v>
      </c>
      <c r="E11" s="33">
        <v>6179</v>
      </c>
      <c r="F11" s="33"/>
      <c r="G11" s="35" t="s">
        <v>20</v>
      </c>
      <c r="H11" s="36"/>
      <c r="I11" s="32">
        <v>18583</v>
      </c>
      <c r="J11" s="33">
        <v>10131</v>
      </c>
      <c r="K11" s="33">
        <v>8452</v>
      </c>
    </row>
    <row r="12" spans="1:11" ht="15" customHeight="1">
      <c r="A12" s="17" t="s">
        <v>21</v>
      </c>
      <c r="B12" s="17"/>
      <c r="C12" s="32">
        <v>2403</v>
      </c>
      <c r="D12" s="19">
        <v>1217</v>
      </c>
      <c r="E12" s="19">
        <v>1186</v>
      </c>
      <c r="F12" s="19"/>
      <c r="G12" s="18" t="s">
        <v>22</v>
      </c>
      <c r="H12" s="17"/>
      <c r="I12" s="32">
        <v>3270</v>
      </c>
      <c r="J12" s="19">
        <v>1774</v>
      </c>
      <c r="K12" s="19">
        <v>1496</v>
      </c>
    </row>
    <row r="13" spans="1:11" ht="15" customHeight="1">
      <c r="A13" s="17" t="s">
        <v>23</v>
      </c>
      <c r="B13" s="17"/>
      <c r="C13" s="32">
        <v>2595</v>
      </c>
      <c r="D13" s="19">
        <v>1288</v>
      </c>
      <c r="E13" s="19">
        <v>1307</v>
      </c>
      <c r="F13" s="19"/>
      <c r="G13" s="18" t="s">
        <v>24</v>
      </c>
      <c r="H13" s="17"/>
      <c r="I13" s="32">
        <v>4178</v>
      </c>
      <c r="J13" s="19">
        <v>2318</v>
      </c>
      <c r="K13" s="19">
        <v>1860</v>
      </c>
    </row>
    <row r="14" spans="1:11" ht="15" customHeight="1">
      <c r="A14" s="17" t="s">
        <v>25</v>
      </c>
      <c r="B14" s="17"/>
      <c r="C14" s="32">
        <v>2528</v>
      </c>
      <c r="D14" s="19">
        <v>1301</v>
      </c>
      <c r="E14" s="19">
        <v>1227</v>
      </c>
      <c r="F14" s="19"/>
      <c r="G14" s="18" t="s">
        <v>26</v>
      </c>
      <c r="H14" s="17"/>
      <c r="I14" s="32">
        <v>3864</v>
      </c>
      <c r="J14" s="19">
        <v>2061</v>
      </c>
      <c r="K14" s="19">
        <v>1803</v>
      </c>
    </row>
    <row r="15" spans="1:11" ht="15" customHeight="1">
      <c r="A15" s="17" t="s">
        <v>27</v>
      </c>
      <c r="B15" s="17"/>
      <c r="C15" s="32">
        <v>2456</v>
      </c>
      <c r="D15" s="19">
        <v>1255</v>
      </c>
      <c r="E15" s="19">
        <v>1201</v>
      </c>
      <c r="F15" s="19"/>
      <c r="G15" s="18" t="s">
        <v>28</v>
      </c>
      <c r="H15" s="17"/>
      <c r="I15" s="32">
        <v>3699</v>
      </c>
      <c r="J15" s="19">
        <v>2001</v>
      </c>
      <c r="K15" s="19">
        <v>1698</v>
      </c>
    </row>
    <row r="16" spans="1:11" ht="15" customHeight="1">
      <c r="A16" s="17" t="s">
        <v>29</v>
      </c>
      <c r="B16" s="17"/>
      <c r="C16" s="32">
        <v>2602</v>
      </c>
      <c r="D16" s="19">
        <v>1344</v>
      </c>
      <c r="E16" s="19">
        <v>1258</v>
      </c>
      <c r="F16" s="19"/>
      <c r="G16" s="18" t="s">
        <v>30</v>
      </c>
      <c r="H16" s="17"/>
      <c r="I16" s="32">
        <v>3572</v>
      </c>
      <c r="J16" s="19">
        <v>1977</v>
      </c>
      <c r="K16" s="19">
        <v>1595</v>
      </c>
    </row>
    <row r="17" spans="1:11" ht="20.100000000000001" customHeight="1">
      <c r="A17" s="20" t="s">
        <v>31</v>
      </c>
      <c r="B17" s="20"/>
      <c r="C17" s="32">
        <v>12328</v>
      </c>
      <c r="D17" s="33">
        <v>6344</v>
      </c>
      <c r="E17" s="33">
        <v>5984</v>
      </c>
      <c r="F17" s="33"/>
      <c r="G17" s="35" t="s">
        <v>32</v>
      </c>
      <c r="H17" s="36"/>
      <c r="I17" s="32">
        <v>15226</v>
      </c>
      <c r="J17" s="33">
        <v>7961</v>
      </c>
      <c r="K17" s="33">
        <v>7265</v>
      </c>
    </row>
    <row r="18" spans="1:11" ht="15" customHeight="1">
      <c r="A18" s="17" t="s">
        <v>33</v>
      </c>
      <c r="B18" s="17"/>
      <c r="C18" s="32">
        <v>2535</v>
      </c>
      <c r="D18" s="19">
        <v>1318</v>
      </c>
      <c r="E18" s="19">
        <v>1217</v>
      </c>
      <c r="F18" s="19"/>
      <c r="G18" s="18" t="s">
        <v>34</v>
      </c>
      <c r="H18" s="17"/>
      <c r="I18" s="32">
        <v>3233</v>
      </c>
      <c r="J18" s="19">
        <v>1738</v>
      </c>
      <c r="K18" s="19">
        <v>1495</v>
      </c>
    </row>
    <row r="19" spans="1:11" ht="15" customHeight="1">
      <c r="A19" s="17" t="s">
        <v>35</v>
      </c>
      <c r="B19" s="17"/>
      <c r="C19" s="32">
        <v>2503</v>
      </c>
      <c r="D19" s="19">
        <v>1243</v>
      </c>
      <c r="E19" s="19">
        <v>1260</v>
      </c>
      <c r="F19" s="19"/>
      <c r="G19" s="18" t="s">
        <v>36</v>
      </c>
      <c r="H19" s="17"/>
      <c r="I19" s="32">
        <v>3232</v>
      </c>
      <c r="J19" s="19">
        <v>1702</v>
      </c>
      <c r="K19" s="19">
        <v>1530</v>
      </c>
    </row>
    <row r="20" spans="1:11" ht="15" customHeight="1">
      <c r="A20" s="17" t="s">
        <v>37</v>
      </c>
      <c r="B20" s="17"/>
      <c r="C20" s="32">
        <v>2437</v>
      </c>
      <c r="D20" s="19">
        <v>1294</v>
      </c>
      <c r="E20" s="19">
        <v>1143</v>
      </c>
      <c r="F20" s="19"/>
      <c r="G20" s="18" t="s">
        <v>38</v>
      </c>
      <c r="H20" s="17"/>
      <c r="I20" s="32">
        <v>3075</v>
      </c>
      <c r="J20" s="19">
        <v>1652</v>
      </c>
      <c r="K20" s="19">
        <v>1423</v>
      </c>
    </row>
    <row r="21" spans="1:11" ht="15" customHeight="1">
      <c r="A21" s="17" t="s">
        <v>39</v>
      </c>
      <c r="B21" s="17"/>
      <c r="C21" s="32">
        <v>2491</v>
      </c>
      <c r="D21" s="19">
        <v>1292</v>
      </c>
      <c r="E21" s="19">
        <v>1199</v>
      </c>
      <c r="F21" s="19"/>
      <c r="G21" s="18" t="s">
        <v>40</v>
      </c>
      <c r="H21" s="17"/>
      <c r="I21" s="32">
        <v>2972</v>
      </c>
      <c r="J21" s="19">
        <v>1505</v>
      </c>
      <c r="K21" s="19">
        <v>1467</v>
      </c>
    </row>
    <row r="22" spans="1:11" ht="15" customHeight="1">
      <c r="A22" s="17" t="s">
        <v>41</v>
      </c>
      <c r="B22" s="17"/>
      <c r="C22" s="32">
        <v>2362</v>
      </c>
      <c r="D22" s="19">
        <v>1197</v>
      </c>
      <c r="E22" s="19">
        <v>1165</v>
      </c>
      <c r="F22" s="19"/>
      <c r="G22" s="18" t="s">
        <v>42</v>
      </c>
      <c r="H22" s="17"/>
      <c r="I22" s="32">
        <v>2714</v>
      </c>
      <c r="J22" s="19">
        <v>1364</v>
      </c>
      <c r="K22" s="19">
        <v>1350</v>
      </c>
    </row>
    <row r="23" spans="1:11" ht="20.100000000000001" customHeight="1">
      <c r="A23" s="36" t="s">
        <v>43</v>
      </c>
      <c r="B23" s="36"/>
      <c r="C23" s="32">
        <v>11846</v>
      </c>
      <c r="D23" s="33">
        <v>6046</v>
      </c>
      <c r="E23" s="33">
        <v>5800</v>
      </c>
      <c r="F23" s="33"/>
      <c r="G23" s="35" t="s">
        <v>44</v>
      </c>
      <c r="H23" s="36"/>
      <c r="I23" s="32">
        <v>14363</v>
      </c>
      <c r="J23" s="33">
        <v>7391</v>
      </c>
      <c r="K23" s="33">
        <v>6972</v>
      </c>
    </row>
    <row r="24" spans="1:11" ht="15" customHeight="1">
      <c r="A24" s="17" t="s">
        <v>45</v>
      </c>
      <c r="B24" s="17"/>
      <c r="C24" s="32">
        <v>2425</v>
      </c>
      <c r="D24" s="19">
        <v>1296</v>
      </c>
      <c r="E24" s="19">
        <v>1129</v>
      </c>
      <c r="F24" s="19"/>
      <c r="G24" s="18" t="s">
        <v>46</v>
      </c>
      <c r="H24" s="17"/>
      <c r="I24" s="32">
        <v>2822</v>
      </c>
      <c r="J24" s="19">
        <v>1457</v>
      </c>
      <c r="K24" s="19">
        <v>1365</v>
      </c>
    </row>
    <row r="25" spans="1:11" ht="15" customHeight="1">
      <c r="A25" s="17" t="s">
        <v>47</v>
      </c>
      <c r="B25" s="17"/>
      <c r="C25" s="32">
        <v>2241</v>
      </c>
      <c r="D25" s="19">
        <v>1107</v>
      </c>
      <c r="E25" s="19">
        <v>1134</v>
      </c>
      <c r="F25" s="19"/>
      <c r="G25" s="18" t="s">
        <v>48</v>
      </c>
      <c r="H25" s="17"/>
      <c r="I25" s="32">
        <v>2846</v>
      </c>
      <c r="J25" s="19">
        <v>1499</v>
      </c>
      <c r="K25" s="19">
        <v>1347</v>
      </c>
    </row>
    <row r="26" spans="1:11" ht="15" customHeight="1">
      <c r="A26" s="17" t="s">
        <v>49</v>
      </c>
      <c r="B26" s="17"/>
      <c r="C26" s="32">
        <v>2328</v>
      </c>
      <c r="D26" s="19">
        <v>1190</v>
      </c>
      <c r="E26" s="19">
        <v>1138</v>
      </c>
      <c r="F26" s="19"/>
      <c r="G26" s="18" t="s">
        <v>50</v>
      </c>
      <c r="H26" s="17"/>
      <c r="I26" s="32">
        <v>2883</v>
      </c>
      <c r="J26" s="19">
        <v>1491</v>
      </c>
      <c r="K26" s="19">
        <v>1392</v>
      </c>
    </row>
    <row r="27" spans="1:11" ht="15" customHeight="1">
      <c r="A27" s="17" t="s">
        <v>51</v>
      </c>
      <c r="B27" s="17"/>
      <c r="C27" s="32">
        <v>2339</v>
      </c>
      <c r="D27" s="19">
        <v>1204</v>
      </c>
      <c r="E27" s="19">
        <v>1135</v>
      </c>
      <c r="F27" s="19"/>
      <c r="G27" s="18" t="s">
        <v>52</v>
      </c>
      <c r="H27" s="17"/>
      <c r="I27" s="32">
        <v>2849</v>
      </c>
      <c r="J27" s="19">
        <v>1454</v>
      </c>
      <c r="K27" s="19">
        <v>1395</v>
      </c>
    </row>
    <row r="28" spans="1:11" ht="15" customHeight="1">
      <c r="A28" s="17" t="s">
        <v>53</v>
      </c>
      <c r="B28" s="17"/>
      <c r="C28" s="32">
        <v>2513</v>
      </c>
      <c r="D28" s="19">
        <v>1249</v>
      </c>
      <c r="E28" s="19">
        <v>1264</v>
      </c>
      <c r="F28" s="19"/>
      <c r="G28" s="18" t="s">
        <v>54</v>
      </c>
      <c r="H28" s="17"/>
      <c r="I28" s="32">
        <v>2963</v>
      </c>
      <c r="J28" s="19">
        <v>1490</v>
      </c>
      <c r="K28" s="19">
        <v>1473</v>
      </c>
    </row>
    <row r="29" spans="1:11" ht="20.100000000000001" customHeight="1">
      <c r="A29" s="36" t="s">
        <v>55</v>
      </c>
      <c r="B29" s="36"/>
      <c r="C29" s="32">
        <v>15734</v>
      </c>
      <c r="D29" s="33">
        <v>8072</v>
      </c>
      <c r="E29" s="33">
        <v>7662</v>
      </c>
      <c r="F29" s="33"/>
      <c r="G29" s="35" t="s">
        <v>56</v>
      </c>
      <c r="H29" s="36"/>
      <c r="I29" s="32">
        <v>17032</v>
      </c>
      <c r="J29" s="33">
        <v>8443</v>
      </c>
      <c r="K29" s="33">
        <v>8589</v>
      </c>
    </row>
    <row r="30" spans="1:11" ht="15" customHeight="1">
      <c r="A30" s="17" t="s">
        <v>57</v>
      </c>
      <c r="B30" s="17"/>
      <c r="C30" s="32">
        <v>2644</v>
      </c>
      <c r="D30" s="19">
        <v>1343</v>
      </c>
      <c r="E30" s="19">
        <v>1301</v>
      </c>
      <c r="F30" s="19">
        <v>1301</v>
      </c>
      <c r="G30" s="18" t="s">
        <v>58</v>
      </c>
      <c r="H30" s="17"/>
      <c r="I30" s="32">
        <v>3031</v>
      </c>
      <c r="J30" s="19">
        <v>1555</v>
      </c>
      <c r="K30" s="19">
        <v>1476</v>
      </c>
    </row>
    <row r="31" spans="1:11" ht="15" customHeight="1">
      <c r="A31" s="17" t="s">
        <v>59</v>
      </c>
      <c r="B31" s="17"/>
      <c r="C31" s="32">
        <v>2858</v>
      </c>
      <c r="D31" s="19">
        <v>1471</v>
      </c>
      <c r="E31" s="19">
        <v>1387</v>
      </c>
      <c r="F31" s="19">
        <v>1387</v>
      </c>
      <c r="G31" s="18" t="s">
        <v>60</v>
      </c>
      <c r="H31" s="17"/>
      <c r="I31" s="32">
        <v>3248</v>
      </c>
      <c r="J31" s="19">
        <v>1584</v>
      </c>
      <c r="K31" s="19">
        <v>1664</v>
      </c>
    </row>
    <row r="32" spans="1:11" ht="15" customHeight="1">
      <c r="A32" s="17" t="s">
        <v>61</v>
      </c>
      <c r="B32" s="17"/>
      <c r="C32" s="32">
        <v>3023</v>
      </c>
      <c r="D32" s="19">
        <v>1514</v>
      </c>
      <c r="E32" s="19">
        <v>1509</v>
      </c>
      <c r="F32" s="19">
        <v>1509</v>
      </c>
      <c r="G32" s="18" t="s">
        <v>62</v>
      </c>
      <c r="H32" s="17"/>
      <c r="I32" s="32">
        <v>3633</v>
      </c>
      <c r="J32" s="19">
        <v>1875</v>
      </c>
      <c r="K32" s="19">
        <v>1758</v>
      </c>
    </row>
    <row r="33" spans="1:11" ht="15" customHeight="1">
      <c r="A33" s="17" t="s">
        <v>63</v>
      </c>
      <c r="B33" s="17"/>
      <c r="C33" s="32">
        <v>3519</v>
      </c>
      <c r="D33" s="19">
        <v>1839</v>
      </c>
      <c r="E33" s="19">
        <v>1680</v>
      </c>
      <c r="F33" s="19">
        <v>1680</v>
      </c>
      <c r="G33" s="18" t="s">
        <v>64</v>
      </c>
      <c r="H33" s="17"/>
      <c r="I33" s="32">
        <v>3639</v>
      </c>
      <c r="J33" s="19">
        <v>1751</v>
      </c>
      <c r="K33" s="19">
        <v>1888</v>
      </c>
    </row>
    <row r="34" spans="1:11" ht="15" customHeight="1">
      <c r="A34" s="17" t="s">
        <v>65</v>
      </c>
      <c r="B34" s="17"/>
      <c r="C34" s="32">
        <v>3690</v>
      </c>
      <c r="D34" s="19">
        <v>1905</v>
      </c>
      <c r="E34" s="19">
        <v>1785</v>
      </c>
      <c r="F34" s="19">
        <v>1785</v>
      </c>
      <c r="G34" s="18" t="s">
        <v>66</v>
      </c>
      <c r="H34" s="17"/>
      <c r="I34" s="32">
        <v>3481</v>
      </c>
      <c r="J34" s="19">
        <v>1678</v>
      </c>
      <c r="K34" s="19">
        <v>1803</v>
      </c>
    </row>
    <row r="35" spans="1:11" ht="20.100000000000001" customHeight="1">
      <c r="A35" s="36" t="s">
        <v>67</v>
      </c>
      <c r="B35" s="36"/>
      <c r="C35" s="32">
        <v>18691</v>
      </c>
      <c r="D35" s="33">
        <v>10115</v>
      </c>
      <c r="E35" s="33">
        <v>8576</v>
      </c>
      <c r="F35" s="33"/>
      <c r="G35" s="35" t="s">
        <v>68</v>
      </c>
      <c r="H35" s="36"/>
      <c r="I35" s="32">
        <v>11818</v>
      </c>
      <c r="J35" s="33">
        <v>5466</v>
      </c>
      <c r="K35" s="33">
        <v>6352</v>
      </c>
    </row>
    <row r="36" spans="1:11" ht="15" customHeight="1">
      <c r="A36" s="17" t="s">
        <v>69</v>
      </c>
      <c r="B36" s="17"/>
      <c r="C36" s="32">
        <v>3794</v>
      </c>
      <c r="D36" s="19">
        <v>2049</v>
      </c>
      <c r="E36" s="19">
        <v>1745</v>
      </c>
      <c r="F36" s="19"/>
      <c r="G36" s="18" t="s">
        <v>70</v>
      </c>
      <c r="H36" s="17"/>
      <c r="I36" s="32">
        <v>2313</v>
      </c>
      <c r="J36" s="19">
        <v>1081</v>
      </c>
      <c r="K36" s="19">
        <v>1232</v>
      </c>
    </row>
    <row r="37" spans="1:11" ht="15" customHeight="1">
      <c r="A37" s="17" t="s">
        <v>71</v>
      </c>
      <c r="B37" s="17"/>
      <c r="C37" s="32">
        <v>3723</v>
      </c>
      <c r="D37" s="19">
        <v>2031</v>
      </c>
      <c r="E37" s="19">
        <v>1692</v>
      </c>
      <c r="F37" s="19"/>
      <c r="G37" s="18" t="s">
        <v>72</v>
      </c>
      <c r="H37" s="17"/>
      <c r="I37" s="32">
        <v>2086</v>
      </c>
      <c r="J37" s="19">
        <v>1009</v>
      </c>
      <c r="K37" s="19">
        <v>1077</v>
      </c>
    </row>
    <row r="38" spans="1:11" ht="15" customHeight="1">
      <c r="A38" s="17" t="s">
        <v>73</v>
      </c>
      <c r="B38" s="17"/>
      <c r="C38" s="32">
        <v>3918</v>
      </c>
      <c r="D38" s="19">
        <v>2127</v>
      </c>
      <c r="E38" s="19">
        <v>1791</v>
      </c>
      <c r="F38" s="19"/>
      <c r="G38" s="18" t="s">
        <v>74</v>
      </c>
      <c r="H38" s="17"/>
      <c r="I38" s="32">
        <v>2520</v>
      </c>
      <c r="J38" s="19">
        <v>1168</v>
      </c>
      <c r="K38" s="19">
        <v>1352</v>
      </c>
    </row>
    <row r="39" spans="1:11" ht="15" customHeight="1">
      <c r="A39" s="17" t="s">
        <v>75</v>
      </c>
      <c r="B39" s="17"/>
      <c r="C39" s="32">
        <v>3704</v>
      </c>
      <c r="D39" s="19">
        <v>2038</v>
      </c>
      <c r="E39" s="19">
        <v>1666</v>
      </c>
      <c r="F39" s="19"/>
      <c r="G39" s="18" t="s">
        <v>76</v>
      </c>
      <c r="H39" s="17"/>
      <c r="I39" s="32">
        <v>2557</v>
      </c>
      <c r="J39" s="19">
        <v>1173</v>
      </c>
      <c r="K39" s="19">
        <v>1384</v>
      </c>
    </row>
    <row r="40" spans="1:11" ht="15" customHeight="1">
      <c r="A40" s="17" t="s">
        <v>77</v>
      </c>
      <c r="B40" s="17"/>
      <c r="C40" s="32">
        <v>3552</v>
      </c>
      <c r="D40" s="19">
        <v>1870</v>
      </c>
      <c r="E40" s="19">
        <v>1682</v>
      </c>
      <c r="F40" s="19"/>
      <c r="G40" s="18" t="s">
        <v>78</v>
      </c>
      <c r="H40" s="17"/>
      <c r="I40" s="32">
        <v>2342</v>
      </c>
      <c r="J40" s="19">
        <v>1035</v>
      </c>
      <c r="K40" s="19">
        <v>1307</v>
      </c>
    </row>
    <row r="41" spans="1:11" ht="20.100000000000001" customHeight="1">
      <c r="A41" s="36" t="s">
        <v>79</v>
      </c>
      <c r="B41" s="36"/>
      <c r="C41" s="32">
        <v>18113</v>
      </c>
      <c r="D41" s="33">
        <v>9719</v>
      </c>
      <c r="E41" s="33">
        <v>8394</v>
      </c>
      <c r="F41" s="33"/>
      <c r="G41" s="35" t="s">
        <v>80</v>
      </c>
      <c r="H41" s="36"/>
      <c r="I41" s="32">
        <v>9085</v>
      </c>
      <c r="J41" s="33">
        <v>3742</v>
      </c>
      <c r="K41" s="33">
        <v>5343</v>
      </c>
    </row>
    <row r="42" spans="1:11" ht="15" customHeight="1">
      <c r="A42" s="17" t="s">
        <v>81</v>
      </c>
      <c r="B42" s="17"/>
      <c r="C42" s="32">
        <v>3596</v>
      </c>
      <c r="D42" s="19">
        <v>1963</v>
      </c>
      <c r="E42" s="19">
        <v>1633</v>
      </c>
      <c r="F42" s="19"/>
      <c r="G42" s="18" t="s">
        <v>82</v>
      </c>
      <c r="H42" s="17"/>
      <c r="I42" s="32">
        <v>2293</v>
      </c>
      <c r="J42" s="19">
        <v>978</v>
      </c>
      <c r="K42" s="19">
        <v>1315</v>
      </c>
    </row>
    <row r="43" spans="1:11" ht="15" customHeight="1">
      <c r="A43" s="17" t="s">
        <v>83</v>
      </c>
      <c r="B43" s="17"/>
      <c r="C43" s="32">
        <v>3611</v>
      </c>
      <c r="D43" s="19">
        <v>1941</v>
      </c>
      <c r="E43" s="19">
        <v>1670</v>
      </c>
      <c r="F43" s="19"/>
      <c r="G43" s="18" t="s">
        <v>84</v>
      </c>
      <c r="H43" s="17"/>
      <c r="I43" s="32">
        <v>1989</v>
      </c>
      <c r="J43" s="19">
        <v>857</v>
      </c>
      <c r="K43" s="19">
        <v>1132</v>
      </c>
    </row>
    <row r="44" spans="1:11" ht="15" customHeight="1">
      <c r="A44" s="17" t="s">
        <v>85</v>
      </c>
      <c r="B44" s="17"/>
      <c r="C44" s="32">
        <v>3522</v>
      </c>
      <c r="D44" s="19">
        <v>1876</v>
      </c>
      <c r="E44" s="19">
        <v>1646</v>
      </c>
      <c r="F44" s="19"/>
      <c r="G44" s="18" t="s">
        <v>86</v>
      </c>
      <c r="H44" s="17"/>
      <c r="I44" s="32">
        <v>1665</v>
      </c>
      <c r="J44" s="19">
        <v>666</v>
      </c>
      <c r="K44" s="19">
        <v>999</v>
      </c>
    </row>
    <row r="45" spans="1:11" ht="15" customHeight="1">
      <c r="A45" s="17" t="s">
        <v>87</v>
      </c>
      <c r="B45" s="17"/>
      <c r="C45" s="32">
        <v>3751</v>
      </c>
      <c r="D45" s="19">
        <v>1985</v>
      </c>
      <c r="E45" s="19">
        <v>1766</v>
      </c>
      <c r="F45" s="19"/>
      <c r="G45" s="18" t="s">
        <v>88</v>
      </c>
      <c r="H45" s="17"/>
      <c r="I45" s="32">
        <v>1532</v>
      </c>
      <c r="J45" s="19">
        <v>607</v>
      </c>
      <c r="K45" s="19">
        <v>925</v>
      </c>
    </row>
    <row r="46" spans="1:11" ht="15" customHeight="1">
      <c r="A46" s="17" t="s">
        <v>89</v>
      </c>
      <c r="B46" s="17"/>
      <c r="C46" s="32">
        <v>3633</v>
      </c>
      <c r="D46" s="19">
        <v>1954</v>
      </c>
      <c r="E46" s="19">
        <v>1679</v>
      </c>
      <c r="F46" s="19"/>
      <c r="G46" s="18" t="s">
        <v>90</v>
      </c>
      <c r="H46" s="17"/>
      <c r="I46" s="32">
        <v>1606</v>
      </c>
      <c r="J46" s="19">
        <v>634</v>
      </c>
      <c r="K46" s="19">
        <v>972</v>
      </c>
    </row>
    <row r="47" spans="1:11" ht="20.100000000000001" customHeight="1">
      <c r="A47" s="36" t="s">
        <v>91</v>
      </c>
      <c r="B47" s="36"/>
      <c r="C47" s="32">
        <v>20158</v>
      </c>
      <c r="D47" s="33">
        <v>10641</v>
      </c>
      <c r="E47" s="33">
        <v>9517</v>
      </c>
      <c r="F47" s="33"/>
      <c r="G47" s="35" t="s">
        <v>92</v>
      </c>
      <c r="H47" s="36"/>
      <c r="I47" s="32">
        <v>5978</v>
      </c>
      <c r="J47" s="33">
        <v>2026</v>
      </c>
      <c r="K47" s="33">
        <v>3952</v>
      </c>
    </row>
    <row r="48" spans="1:11" ht="15" customHeight="1">
      <c r="A48" s="17" t="s">
        <v>93</v>
      </c>
      <c r="B48" s="17"/>
      <c r="C48" s="32">
        <v>3779</v>
      </c>
      <c r="D48" s="19">
        <v>1974</v>
      </c>
      <c r="E48" s="19">
        <v>1805</v>
      </c>
      <c r="F48" s="19"/>
      <c r="G48" s="18" t="s">
        <v>94</v>
      </c>
      <c r="H48" s="17"/>
      <c r="I48" s="32">
        <v>1469</v>
      </c>
      <c r="J48" s="19">
        <v>514</v>
      </c>
      <c r="K48" s="19">
        <v>955</v>
      </c>
    </row>
    <row r="49" spans="1:11" ht="15" customHeight="1">
      <c r="A49" s="17" t="s">
        <v>95</v>
      </c>
      <c r="B49" s="17"/>
      <c r="C49" s="32">
        <v>4020</v>
      </c>
      <c r="D49" s="19">
        <v>2099</v>
      </c>
      <c r="E49" s="19">
        <v>1921</v>
      </c>
      <c r="F49" s="19"/>
      <c r="G49" s="18" t="s">
        <v>96</v>
      </c>
      <c r="H49" s="17"/>
      <c r="I49" s="32">
        <v>1382</v>
      </c>
      <c r="J49" s="19">
        <v>475</v>
      </c>
      <c r="K49" s="19">
        <v>907</v>
      </c>
    </row>
    <row r="50" spans="1:11" ht="15" customHeight="1">
      <c r="A50" s="17" t="s">
        <v>97</v>
      </c>
      <c r="B50" s="17"/>
      <c r="C50" s="32">
        <v>4086</v>
      </c>
      <c r="D50" s="19">
        <v>2199</v>
      </c>
      <c r="E50" s="19">
        <v>1887</v>
      </c>
      <c r="F50" s="19"/>
      <c r="G50" s="18" t="s">
        <v>98</v>
      </c>
      <c r="H50" s="17"/>
      <c r="I50" s="32">
        <v>1125</v>
      </c>
      <c r="J50" s="19">
        <v>386</v>
      </c>
      <c r="K50" s="19">
        <v>739</v>
      </c>
    </row>
    <row r="51" spans="1:11" ht="15" customHeight="1">
      <c r="A51" s="17" t="s">
        <v>99</v>
      </c>
      <c r="B51" s="17"/>
      <c r="C51" s="32">
        <v>4174</v>
      </c>
      <c r="D51" s="19">
        <v>2203</v>
      </c>
      <c r="E51" s="19">
        <v>1971</v>
      </c>
      <c r="F51" s="19"/>
      <c r="G51" s="18" t="s">
        <v>100</v>
      </c>
      <c r="H51" s="17"/>
      <c r="I51" s="32">
        <v>1066</v>
      </c>
      <c r="J51" s="19">
        <v>341</v>
      </c>
      <c r="K51" s="19">
        <v>725</v>
      </c>
    </row>
    <row r="52" spans="1:11" ht="15" customHeight="1">
      <c r="A52" s="17" t="s">
        <v>101</v>
      </c>
      <c r="B52" s="17"/>
      <c r="C52" s="32">
        <v>4099</v>
      </c>
      <c r="D52" s="19">
        <v>2166</v>
      </c>
      <c r="E52" s="19">
        <v>1933</v>
      </c>
      <c r="F52" s="19"/>
      <c r="G52" s="18" t="s">
        <v>102</v>
      </c>
      <c r="H52" s="17"/>
      <c r="I52" s="32">
        <v>936</v>
      </c>
      <c r="J52" s="19">
        <v>310</v>
      </c>
      <c r="K52" s="19">
        <v>626</v>
      </c>
    </row>
    <row r="53" spans="1:11" ht="20.100000000000001" customHeight="1">
      <c r="A53" s="36" t="s">
        <v>103</v>
      </c>
      <c r="B53" s="36"/>
      <c r="C53" s="32">
        <v>21228</v>
      </c>
      <c r="D53" s="33">
        <v>11325</v>
      </c>
      <c r="E53" s="33">
        <v>9903</v>
      </c>
      <c r="F53" s="33"/>
      <c r="G53" s="35" t="s">
        <v>104</v>
      </c>
      <c r="H53" s="36"/>
      <c r="I53" s="32">
        <v>2633</v>
      </c>
      <c r="J53" s="33">
        <v>752</v>
      </c>
      <c r="K53" s="33">
        <v>1881</v>
      </c>
    </row>
    <row r="54" spans="1:11" ht="15" customHeight="1">
      <c r="A54" s="17" t="s">
        <v>105</v>
      </c>
      <c r="B54" s="17"/>
      <c r="C54" s="32">
        <v>4171</v>
      </c>
      <c r="D54" s="19">
        <v>2148</v>
      </c>
      <c r="E54" s="19">
        <v>2023</v>
      </c>
      <c r="F54" s="19"/>
      <c r="G54" s="18" t="s">
        <v>106</v>
      </c>
      <c r="H54" s="17"/>
      <c r="I54" s="32">
        <v>778</v>
      </c>
      <c r="J54" s="19">
        <v>221</v>
      </c>
      <c r="K54" s="19">
        <v>557</v>
      </c>
    </row>
    <row r="55" spans="1:11" ht="15" customHeight="1">
      <c r="A55" s="17" t="s">
        <v>107</v>
      </c>
      <c r="B55" s="17"/>
      <c r="C55" s="32">
        <v>3999</v>
      </c>
      <c r="D55" s="19">
        <v>2168</v>
      </c>
      <c r="E55" s="19">
        <v>1831</v>
      </c>
      <c r="F55" s="19"/>
      <c r="G55" s="18" t="s">
        <v>108</v>
      </c>
      <c r="H55" s="17"/>
      <c r="I55" s="32">
        <v>619</v>
      </c>
      <c r="J55" s="19">
        <v>194</v>
      </c>
      <c r="K55" s="19">
        <v>425</v>
      </c>
    </row>
    <row r="56" spans="1:11" ht="15" customHeight="1">
      <c r="A56" s="17" t="s">
        <v>109</v>
      </c>
      <c r="B56" s="17"/>
      <c r="C56" s="32">
        <v>4263</v>
      </c>
      <c r="D56" s="19">
        <v>2300</v>
      </c>
      <c r="E56" s="19">
        <v>1963</v>
      </c>
      <c r="F56" s="19"/>
      <c r="G56" s="18" t="s">
        <v>110</v>
      </c>
      <c r="H56" s="17"/>
      <c r="I56" s="32">
        <v>514</v>
      </c>
      <c r="J56" s="19">
        <v>142</v>
      </c>
      <c r="K56" s="19">
        <v>372</v>
      </c>
    </row>
    <row r="57" spans="1:11" ht="15" customHeight="1">
      <c r="A57" s="17" t="s">
        <v>111</v>
      </c>
      <c r="B57" s="17"/>
      <c r="C57" s="32">
        <v>4329</v>
      </c>
      <c r="D57" s="19">
        <v>2286</v>
      </c>
      <c r="E57" s="19">
        <v>2043</v>
      </c>
      <c r="F57" s="19"/>
      <c r="G57" s="18" t="s">
        <v>112</v>
      </c>
      <c r="H57" s="17"/>
      <c r="I57" s="32">
        <v>428</v>
      </c>
      <c r="J57" s="19">
        <v>123</v>
      </c>
      <c r="K57" s="19">
        <v>305</v>
      </c>
    </row>
    <row r="58" spans="1:11" ht="15" customHeight="1">
      <c r="A58" s="17" t="s">
        <v>113</v>
      </c>
      <c r="B58" s="17"/>
      <c r="C58" s="32">
        <v>4466</v>
      </c>
      <c r="D58" s="19">
        <v>2423</v>
      </c>
      <c r="E58" s="19">
        <v>2043</v>
      </c>
      <c r="F58" s="19"/>
      <c r="G58" s="18" t="s">
        <v>114</v>
      </c>
      <c r="H58" s="17"/>
      <c r="I58" s="32">
        <v>294</v>
      </c>
      <c r="J58" s="19">
        <v>72</v>
      </c>
      <c r="K58" s="19">
        <v>222</v>
      </c>
    </row>
    <row r="59" spans="1:11" ht="20.100000000000001" customHeight="1">
      <c r="A59" s="17" t="s">
        <v>115</v>
      </c>
      <c r="B59" s="17"/>
      <c r="C59" s="32">
        <v>25319</v>
      </c>
      <c r="D59" s="33">
        <v>13541</v>
      </c>
      <c r="E59" s="33">
        <v>11778</v>
      </c>
      <c r="F59" s="33"/>
      <c r="G59" s="35" t="s">
        <v>116</v>
      </c>
      <c r="H59" s="36"/>
      <c r="I59" s="32">
        <v>653</v>
      </c>
      <c r="J59" s="33">
        <v>135</v>
      </c>
      <c r="K59" s="33">
        <v>518</v>
      </c>
    </row>
    <row r="60" spans="1:11" ht="15" customHeight="1">
      <c r="A60" s="17" t="s">
        <v>117</v>
      </c>
      <c r="B60" s="17"/>
      <c r="C60" s="32">
        <v>4705</v>
      </c>
      <c r="D60" s="19">
        <v>2476</v>
      </c>
      <c r="E60" s="19">
        <v>2229</v>
      </c>
      <c r="F60" s="19"/>
      <c r="G60" s="18" t="s">
        <v>118</v>
      </c>
      <c r="H60" s="17"/>
      <c r="I60" s="32">
        <v>223</v>
      </c>
      <c r="J60" s="19">
        <v>51</v>
      </c>
      <c r="K60" s="19">
        <v>172</v>
      </c>
    </row>
    <row r="61" spans="1:11" ht="15" customHeight="1">
      <c r="A61" s="17" t="s">
        <v>119</v>
      </c>
      <c r="B61" s="17"/>
      <c r="C61" s="32">
        <v>4867</v>
      </c>
      <c r="D61" s="19">
        <v>2659</v>
      </c>
      <c r="E61" s="19">
        <v>2208</v>
      </c>
      <c r="F61" s="19"/>
      <c r="G61" s="18" t="s">
        <v>120</v>
      </c>
      <c r="H61" s="17"/>
      <c r="I61" s="32">
        <v>172</v>
      </c>
      <c r="J61" s="19">
        <v>44</v>
      </c>
      <c r="K61" s="19">
        <v>128</v>
      </c>
    </row>
    <row r="62" spans="1:11" ht="15" customHeight="1">
      <c r="A62" s="17" t="s">
        <v>121</v>
      </c>
      <c r="B62" s="17"/>
      <c r="C62" s="32">
        <v>5160</v>
      </c>
      <c r="D62" s="19">
        <v>2728</v>
      </c>
      <c r="E62" s="19">
        <v>2432</v>
      </c>
      <c r="F62" s="19"/>
      <c r="G62" s="18" t="s">
        <v>122</v>
      </c>
      <c r="H62" s="17"/>
      <c r="I62" s="32">
        <v>125</v>
      </c>
      <c r="J62" s="19">
        <v>18</v>
      </c>
      <c r="K62" s="19">
        <v>107</v>
      </c>
    </row>
    <row r="63" spans="1:11" ht="15" customHeight="1">
      <c r="A63" s="17" t="s">
        <v>123</v>
      </c>
      <c r="B63" s="17"/>
      <c r="C63" s="32">
        <v>5314</v>
      </c>
      <c r="D63" s="19">
        <v>2849</v>
      </c>
      <c r="E63" s="19">
        <v>2465</v>
      </c>
      <c r="F63" s="19"/>
      <c r="G63" s="18" t="s">
        <v>124</v>
      </c>
      <c r="H63" s="17"/>
      <c r="I63" s="32">
        <v>81</v>
      </c>
      <c r="J63" s="19">
        <v>12</v>
      </c>
      <c r="K63" s="19">
        <v>69</v>
      </c>
    </row>
    <row r="64" spans="1:11" ht="15" customHeight="1">
      <c r="A64" s="17" t="s">
        <v>125</v>
      </c>
      <c r="B64" s="17"/>
      <c r="C64" s="32">
        <v>5273</v>
      </c>
      <c r="D64" s="19">
        <v>2829</v>
      </c>
      <c r="E64" s="19">
        <v>2444</v>
      </c>
      <c r="F64" s="19"/>
      <c r="G64" s="18" t="s">
        <v>126</v>
      </c>
      <c r="H64" s="17"/>
      <c r="I64" s="32">
        <v>52</v>
      </c>
      <c r="J64" s="19">
        <v>10</v>
      </c>
      <c r="K64" s="19">
        <v>42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32">
        <v>101</v>
      </c>
      <c r="J65" s="19">
        <v>16</v>
      </c>
      <c r="K65" s="19">
        <v>85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37">
        <v>9006</v>
      </c>
      <c r="J66" s="27">
        <v>5327</v>
      </c>
      <c r="K66" s="27">
        <v>3679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38" t="s">
        <v>164</v>
      </c>
      <c r="B2" s="38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83260</v>
      </c>
      <c r="D4" s="14">
        <v>190994</v>
      </c>
      <c r="E4" s="14">
        <v>192266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0587</v>
      </c>
      <c r="D5" s="14">
        <v>5462</v>
      </c>
      <c r="E5" s="14">
        <v>5125</v>
      </c>
      <c r="F5" s="14"/>
      <c r="G5" s="18" t="s">
        <v>8</v>
      </c>
      <c r="H5" s="17"/>
      <c r="I5" s="13">
        <v>30112</v>
      </c>
      <c r="J5" s="14">
        <v>15475</v>
      </c>
      <c r="K5" s="14">
        <v>14637</v>
      </c>
    </row>
    <row r="6" spans="1:11" ht="15" customHeight="1">
      <c r="A6" s="17" t="s">
        <v>9</v>
      </c>
      <c r="B6" s="17"/>
      <c r="C6" s="13">
        <v>1873</v>
      </c>
      <c r="D6" s="19">
        <v>957</v>
      </c>
      <c r="E6" s="19">
        <v>916</v>
      </c>
      <c r="F6" s="19"/>
      <c r="G6" s="18" t="s">
        <v>10</v>
      </c>
      <c r="H6" s="17"/>
      <c r="I6" s="13">
        <v>6299</v>
      </c>
      <c r="J6" s="19">
        <v>3234</v>
      </c>
      <c r="K6" s="19">
        <v>3065</v>
      </c>
    </row>
    <row r="7" spans="1:11" ht="15" customHeight="1">
      <c r="A7" s="17" t="s">
        <v>11</v>
      </c>
      <c r="B7" s="17"/>
      <c r="C7" s="13">
        <v>1994</v>
      </c>
      <c r="D7" s="19">
        <v>1012</v>
      </c>
      <c r="E7" s="19">
        <v>982</v>
      </c>
      <c r="F7" s="19"/>
      <c r="G7" s="18" t="s">
        <v>12</v>
      </c>
      <c r="H7" s="17"/>
      <c r="I7" s="13">
        <v>6170</v>
      </c>
      <c r="J7" s="19">
        <v>3164</v>
      </c>
      <c r="K7" s="19">
        <v>3006</v>
      </c>
    </row>
    <row r="8" spans="1:11" ht="15" customHeight="1">
      <c r="A8" s="17" t="s">
        <v>13</v>
      </c>
      <c r="B8" s="17"/>
      <c r="C8" s="13">
        <v>2183</v>
      </c>
      <c r="D8" s="19">
        <v>1156</v>
      </c>
      <c r="E8" s="19">
        <v>1027</v>
      </c>
      <c r="F8" s="19"/>
      <c r="G8" s="18" t="s">
        <v>14</v>
      </c>
      <c r="H8" s="17"/>
      <c r="I8" s="13">
        <v>5894</v>
      </c>
      <c r="J8" s="19">
        <v>3071</v>
      </c>
      <c r="K8" s="19">
        <v>2823</v>
      </c>
    </row>
    <row r="9" spans="1:11" ht="15" customHeight="1">
      <c r="A9" s="17" t="s">
        <v>15</v>
      </c>
      <c r="B9" s="17"/>
      <c r="C9" s="13">
        <v>2211</v>
      </c>
      <c r="D9" s="19">
        <v>1134</v>
      </c>
      <c r="E9" s="19">
        <v>1077</v>
      </c>
      <c r="F9" s="19"/>
      <c r="G9" s="18" t="s">
        <v>16</v>
      </c>
      <c r="H9" s="17"/>
      <c r="I9" s="13">
        <v>5773</v>
      </c>
      <c r="J9" s="19">
        <v>2954</v>
      </c>
      <c r="K9" s="19">
        <v>2819</v>
      </c>
    </row>
    <row r="10" spans="1:11" ht="15" customHeight="1">
      <c r="A10" s="17" t="s">
        <v>17</v>
      </c>
      <c r="B10" s="17"/>
      <c r="C10" s="13">
        <v>2326</v>
      </c>
      <c r="D10" s="19">
        <v>1203</v>
      </c>
      <c r="E10" s="19">
        <v>1123</v>
      </c>
      <c r="F10" s="19"/>
      <c r="G10" s="18" t="s">
        <v>18</v>
      </c>
      <c r="H10" s="17"/>
      <c r="I10" s="13">
        <v>5976</v>
      </c>
      <c r="J10" s="19">
        <v>3052</v>
      </c>
      <c r="K10" s="19">
        <v>2924</v>
      </c>
    </row>
    <row r="11" spans="1:11" ht="20.100000000000001" customHeight="1">
      <c r="A11" s="17" t="s">
        <v>19</v>
      </c>
      <c r="B11" s="17"/>
      <c r="C11" s="13">
        <v>13383</v>
      </c>
      <c r="D11" s="14">
        <v>6832</v>
      </c>
      <c r="E11" s="14">
        <v>6551</v>
      </c>
      <c r="F11" s="14"/>
      <c r="G11" s="18" t="s">
        <v>20</v>
      </c>
      <c r="H11" s="17"/>
      <c r="I11" s="13">
        <v>24192</v>
      </c>
      <c r="J11" s="14">
        <v>12234</v>
      </c>
      <c r="K11" s="14">
        <v>11958</v>
      </c>
    </row>
    <row r="12" spans="1:11" ht="15" customHeight="1">
      <c r="A12" s="17" t="s">
        <v>21</v>
      </c>
      <c r="B12" s="17"/>
      <c r="C12" s="13">
        <v>2520</v>
      </c>
      <c r="D12" s="19">
        <v>1331</v>
      </c>
      <c r="E12" s="19">
        <v>1189</v>
      </c>
      <c r="F12" s="19"/>
      <c r="G12" s="18" t="s">
        <v>22</v>
      </c>
      <c r="H12" s="17"/>
      <c r="I12" s="13">
        <v>4291</v>
      </c>
      <c r="J12" s="19">
        <v>2200</v>
      </c>
      <c r="K12" s="19">
        <v>2091</v>
      </c>
    </row>
    <row r="13" spans="1:11" ht="15" customHeight="1">
      <c r="A13" s="17" t="s">
        <v>23</v>
      </c>
      <c r="B13" s="17"/>
      <c r="C13" s="13">
        <v>2619</v>
      </c>
      <c r="D13" s="19">
        <v>1325</v>
      </c>
      <c r="E13" s="19">
        <v>1294</v>
      </c>
      <c r="F13" s="19"/>
      <c r="G13" s="18" t="s">
        <v>24</v>
      </c>
      <c r="H13" s="17"/>
      <c r="I13" s="13">
        <v>5409</v>
      </c>
      <c r="J13" s="19">
        <v>2746</v>
      </c>
      <c r="K13" s="19">
        <v>2663</v>
      </c>
    </row>
    <row r="14" spans="1:11" ht="15" customHeight="1">
      <c r="A14" s="17" t="s">
        <v>25</v>
      </c>
      <c r="B14" s="17"/>
      <c r="C14" s="13">
        <v>2694</v>
      </c>
      <c r="D14" s="19">
        <v>1379</v>
      </c>
      <c r="E14" s="19">
        <v>1315</v>
      </c>
      <c r="F14" s="19"/>
      <c r="G14" s="18" t="s">
        <v>26</v>
      </c>
      <c r="H14" s="17"/>
      <c r="I14" s="13">
        <v>4930</v>
      </c>
      <c r="J14" s="19">
        <v>2444</v>
      </c>
      <c r="K14" s="19">
        <v>2486</v>
      </c>
    </row>
    <row r="15" spans="1:11" ht="15" customHeight="1">
      <c r="A15" s="17" t="s">
        <v>27</v>
      </c>
      <c r="B15" s="17"/>
      <c r="C15" s="13">
        <v>2780</v>
      </c>
      <c r="D15" s="19">
        <v>1362</v>
      </c>
      <c r="E15" s="19">
        <v>1418</v>
      </c>
      <c r="F15" s="19"/>
      <c r="G15" s="18" t="s">
        <v>28</v>
      </c>
      <c r="H15" s="17"/>
      <c r="I15" s="13">
        <v>4902</v>
      </c>
      <c r="J15" s="19">
        <v>2472</v>
      </c>
      <c r="K15" s="19">
        <v>2430</v>
      </c>
    </row>
    <row r="16" spans="1:11" ht="15" customHeight="1">
      <c r="A16" s="17" t="s">
        <v>29</v>
      </c>
      <c r="B16" s="17"/>
      <c r="C16" s="13">
        <v>2770</v>
      </c>
      <c r="D16" s="19">
        <v>1435</v>
      </c>
      <c r="E16" s="19">
        <v>1335</v>
      </c>
      <c r="F16" s="19"/>
      <c r="G16" s="18" t="s">
        <v>30</v>
      </c>
      <c r="H16" s="17"/>
      <c r="I16" s="13">
        <v>4660</v>
      </c>
      <c r="J16" s="19">
        <v>2372</v>
      </c>
      <c r="K16" s="19">
        <v>2288</v>
      </c>
    </row>
    <row r="17" spans="1:11" ht="20.100000000000001" customHeight="1">
      <c r="A17" s="20" t="s">
        <v>31</v>
      </c>
      <c r="B17" s="20"/>
      <c r="C17" s="13">
        <v>15089</v>
      </c>
      <c r="D17" s="14">
        <v>7682</v>
      </c>
      <c r="E17" s="14">
        <v>7407</v>
      </c>
      <c r="F17" s="14"/>
      <c r="G17" s="18" t="s">
        <v>32</v>
      </c>
      <c r="H17" s="17"/>
      <c r="I17" s="13">
        <v>22321</v>
      </c>
      <c r="J17" s="14">
        <v>11249</v>
      </c>
      <c r="K17" s="14">
        <v>11072</v>
      </c>
    </row>
    <row r="18" spans="1:11" ht="15" customHeight="1">
      <c r="A18" s="17" t="s">
        <v>33</v>
      </c>
      <c r="B18" s="17"/>
      <c r="C18" s="13">
        <v>2954</v>
      </c>
      <c r="D18" s="19">
        <v>1474</v>
      </c>
      <c r="E18" s="19">
        <v>1480</v>
      </c>
      <c r="F18" s="19"/>
      <c r="G18" s="18" t="s">
        <v>34</v>
      </c>
      <c r="H18" s="17"/>
      <c r="I18" s="13">
        <v>4637</v>
      </c>
      <c r="J18" s="19">
        <v>2355</v>
      </c>
      <c r="K18" s="19">
        <v>2282</v>
      </c>
    </row>
    <row r="19" spans="1:11" ht="15" customHeight="1">
      <c r="A19" s="17" t="s">
        <v>35</v>
      </c>
      <c r="B19" s="17"/>
      <c r="C19" s="13">
        <v>3015</v>
      </c>
      <c r="D19" s="19">
        <v>1565</v>
      </c>
      <c r="E19" s="19">
        <v>1450</v>
      </c>
      <c r="F19" s="19"/>
      <c r="G19" s="18" t="s">
        <v>36</v>
      </c>
      <c r="H19" s="17"/>
      <c r="I19" s="13">
        <v>4502</v>
      </c>
      <c r="J19" s="19">
        <v>2231</v>
      </c>
      <c r="K19" s="19">
        <v>2271</v>
      </c>
    </row>
    <row r="20" spans="1:11" ht="15" customHeight="1">
      <c r="A20" s="17" t="s">
        <v>37</v>
      </c>
      <c r="B20" s="17"/>
      <c r="C20" s="13">
        <v>2936</v>
      </c>
      <c r="D20" s="19">
        <v>1504</v>
      </c>
      <c r="E20" s="19">
        <v>1432</v>
      </c>
      <c r="F20" s="19"/>
      <c r="G20" s="18" t="s">
        <v>38</v>
      </c>
      <c r="H20" s="17"/>
      <c r="I20" s="13">
        <v>4532</v>
      </c>
      <c r="J20" s="19">
        <v>2360</v>
      </c>
      <c r="K20" s="19">
        <v>2172</v>
      </c>
    </row>
    <row r="21" spans="1:11" ht="15" customHeight="1">
      <c r="A21" s="17" t="s">
        <v>39</v>
      </c>
      <c r="B21" s="17"/>
      <c r="C21" s="13">
        <v>3025</v>
      </c>
      <c r="D21" s="19">
        <v>1543</v>
      </c>
      <c r="E21" s="19">
        <v>1482</v>
      </c>
      <c r="F21" s="19"/>
      <c r="G21" s="18" t="s">
        <v>40</v>
      </c>
      <c r="H21" s="17"/>
      <c r="I21" s="13">
        <v>4457</v>
      </c>
      <c r="J21" s="19">
        <v>2236</v>
      </c>
      <c r="K21" s="19">
        <v>2221</v>
      </c>
    </row>
    <row r="22" spans="1:11" ht="15" customHeight="1">
      <c r="A22" s="17" t="s">
        <v>41</v>
      </c>
      <c r="B22" s="17"/>
      <c r="C22" s="13">
        <v>3159</v>
      </c>
      <c r="D22" s="19">
        <v>1596</v>
      </c>
      <c r="E22" s="19">
        <v>1563</v>
      </c>
      <c r="F22" s="19"/>
      <c r="G22" s="18" t="s">
        <v>42</v>
      </c>
      <c r="H22" s="17"/>
      <c r="I22" s="13">
        <v>4193</v>
      </c>
      <c r="J22" s="19">
        <v>2067</v>
      </c>
      <c r="K22" s="19">
        <v>2126</v>
      </c>
    </row>
    <row r="23" spans="1:11" ht="20.100000000000001" customHeight="1">
      <c r="A23" s="17" t="s">
        <v>43</v>
      </c>
      <c r="B23" s="17"/>
      <c r="C23" s="13">
        <v>18486</v>
      </c>
      <c r="D23" s="14">
        <v>10258</v>
      </c>
      <c r="E23" s="14">
        <v>8228</v>
      </c>
      <c r="F23" s="14"/>
      <c r="G23" s="18" t="s">
        <v>44</v>
      </c>
      <c r="H23" s="17"/>
      <c r="I23" s="13">
        <v>23918</v>
      </c>
      <c r="J23" s="14">
        <v>11751</v>
      </c>
      <c r="K23" s="14">
        <v>12167</v>
      </c>
    </row>
    <row r="24" spans="1:11" ht="15" customHeight="1">
      <c r="A24" s="17" t="s">
        <v>45</v>
      </c>
      <c r="B24" s="17"/>
      <c r="C24" s="13">
        <v>3529</v>
      </c>
      <c r="D24" s="19">
        <v>1951</v>
      </c>
      <c r="E24" s="19">
        <v>1578</v>
      </c>
      <c r="F24" s="19"/>
      <c r="G24" s="18" t="s">
        <v>46</v>
      </c>
      <c r="H24" s="17"/>
      <c r="I24" s="13">
        <v>4518</v>
      </c>
      <c r="J24" s="19">
        <v>2240</v>
      </c>
      <c r="K24" s="19">
        <v>2278</v>
      </c>
    </row>
    <row r="25" spans="1:11" ht="15" customHeight="1">
      <c r="A25" s="17" t="s">
        <v>47</v>
      </c>
      <c r="B25" s="17"/>
      <c r="C25" s="13">
        <v>3263</v>
      </c>
      <c r="D25" s="19">
        <v>1756</v>
      </c>
      <c r="E25" s="19">
        <v>1507</v>
      </c>
      <c r="F25" s="19"/>
      <c r="G25" s="18" t="s">
        <v>48</v>
      </c>
      <c r="H25" s="17"/>
      <c r="I25" s="13">
        <v>4599</v>
      </c>
      <c r="J25" s="19">
        <v>2246</v>
      </c>
      <c r="K25" s="19">
        <v>2353</v>
      </c>
    </row>
    <row r="26" spans="1:11" ht="15" customHeight="1">
      <c r="A26" s="17" t="s">
        <v>49</v>
      </c>
      <c r="B26" s="17"/>
      <c r="C26" s="13">
        <v>3672</v>
      </c>
      <c r="D26" s="19">
        <v>2037</v>
      </c>
      <c r="E26" s="19">
        <v>1635</v>
      </c>
      <c r="F26" s="19"/>
      <c r="G26" s="18" t="s">
        <v>50</v>
      </c>
      <c r="H26" s="17"/>
      <c r="I26" s="13">
        <v>4698</v>
      </c>
      <c r="J26" s="19">
        <v>2297</v>
      </c>
      <c r="K26" s="19">
        <v>2401</v>
      </c>
    </row>
    <row r="27" spans="1:11" ht="15" customHeight="1">
      <c r="A27" s="17" t="s">
        <v>51</v>
      </c>
      <c r="B27" s="17"/>
      <c r="C27" s="13">
        <v>4217</v>
      </c>
      <c r="D27" s="19">
        <v>2416</v>
      </c>
      <c r="E27" s="19">
        <v>1801</v>
      </c>
      <c r="F27" s="19"/>
      <c r="G27" s="18" t="s">
        <v>52</v>
      </c>
      <c r="H27" s="17"/>
      <c r="I27" s="13">
        <v>4770</v>
      </c>
      <c r="J27" s="19">
        <v>2387</v>
      </c>
      <c r="K27" s="19">
        <v>2383</v>
      </c>
    </row>
    <row r="28" spans="1:11" ht="15" customHeight="1">
      <c r="A28" s="17" t="s">
        <v>53</v>
      </c>
      <c r="B28" s="17"/>
      <c r="C28" s="13">
        <v>3805</v>
      </c>
      <c r="D28" s="19">
        <v>2098</v>
      </c>
      <c r="E28" s="19">
        <v>1707</v>
      </c>
      <c r="F28" s="19"/>
      <c r="G28" s="18" t="s">
        <v>54</v>
      </c>
      <c r="H28" s="17"/>
      <c r="I28" s="13">
        <v>5333</v>
      </c>
      <c r="J28" s="19">
        <v>2581</v>
      </c>
      <c r="K28" s="19">
        <v>2752</v>
      </c>
    </row>
    <row r="29" spans="1:11" ht="20.100000000000001" customHeight="1">
      <c r="A29" s="17" t="s">
        <v>55</v>
      </c>
      <c r="B29" s="17"/>
      <c r="C29" s="13">
        <v>19900</v>
      </c>
      <c r="D29" s="14">
        <v>11106</v>
      </c>
      <c r="E29" s="14">
        <v>8794</v>
      </c>
      <c r="F29" s="14"/>
      <c r="G29" s="18" t="s">
        <v>56</v>
      </c>
      <c r="H29" s="17"/>
      <c r="I29" s="13">
        <v>32719</v>
      </c>
      <c r="J29" s="14">
        <v>15385</v>
      </c>
      <c r="K29" s="14">
        <v>17334</v>
      </c>
    </row>
    <row r="30" spans="1:11" ht="15" customHeight="1">
      <c r="A30" s="17" t="s">
        <v>57</v>
      </c>
      <c r="B30" s="17"/>
      <c r="C30" s="13">
        <v>4326</v>
      </c>
      <c r="D30" s="19">
        <v>2445</v>
      </c>
      <c r="E30" s="19">
        <v>1881</v>
      </c>
      <c r="F30" s="19"/>
      <c r="G30" s="18" t="s">
        <v>58</v>
      </c>
      <c r="H30" s="17"/>
      <c r="I30" s="13">
        <v>5558</v>
      </c>
      <c r="J30" s="19">
        <v>2653</v>
      </c>
      <c r="K30" s="19">
        <v>2905</v>
      </c>
    </row>
    <row r="31" spans="1:11" ht="15" customHeight="1">
      <c r="A31" s="17" t="s">
        <v>59</v>
      </c>
      <c r="B31" s="17"/>
      <c r="C31" s="13">
        <v>4403</v>
      </c>
      <c r="D31" s="19">
        <v>2500</v>
      </c>
      <c r="E31" s="19">
        <v>1903</v>
      </c>
      <c r="F31" s="19"/>
      <c r="G31" s="18" t="s">
        <v>60</v>
      </c>
      <c r="H31" s="17"/>
      <c r="I31" s="13">
        <v>6062</v>
      </c>
      <c r="J31" s="19">
        <v>2908</v>
      </c>
      <c r="K31" s="19">
        <v>3154</v>
      </c>
    </row>
    <row r="32" spans="1:11" ht="15" customHeight="1">
      <c r="A32" s="17" t="s">
        <v>61</v>
      </c>
      <c r="B32" s="17"/>
      <c r="C32" s="13">
        <v>3904</v>
      </c>
      <c r="D32" s="19">
        <v>2178</v>
      </c>
      <c r="E32" s="19">
        <v>1726</v>
      </c>
      <c r="F32" s="19"/>
      <c r="G32" s="18" t="s">
        <v>62</v>
      </c>
      <c r="H32" s="17"/>
      <c r="I32" s="13">
        <v>7174</v>
      </c>
      <c r="J32" s="19">
        <v>3404</v>
      </c>
      <c r="K32" s="19">
        <v>3770</v>
      </c>
    </row>
    <row r="33" spans="1:11" ht="15" customHeight="1">
      <c r="A33" s="17" t="s">
        <v>63</v>
      </c>
      <c r="B33" s="17"/>
      <c r="C33" s="13">
        <v>3765</v>
      </c>
      <c r="D33" s="19">
        <v>2042</v>
      </c>
      <c r="E33" s="19">
        <v>1723</v>
      </c>
      <c r="F33" s="19"/>
      <c r="G33" s="18" t="s">
        <v>64</v>
      </c>
      <c r="H33" s="17"/>
      <c r="I33" s="13">
        <v>6843</v>
      </c>
      <c r="J33" s="19">
        <v>3167</v>
      </c>
      <c r="K33" s="19">
        <v>3676</v>
      </c>
    </row>
    <row r="34" spans="1:11" ht="15" customHeight="1">
      <c r="A34" s="17" t="s">
        <v>65</v>
      </c>
      <c r="B34" s="17"/>
      <c r="C34" s="13">
        <v>3502</v>
      </c>
      <c r="D34" s="19">
        <v>1941</v>
      </c>
      <c r="E34" s="19">
        <v>1561</v>
      </c>
      <c r="F34" s="19"/>
      <c r="G34" s="18" t="s">
        <v>66</v>
      </c>
      <c r="H34" s="17"/>
      <c r="I34" s="13">
        <v>7082</v>
      </c>
      <c r="J34" s="19">
        <v>3253</v>
      </c>
      <c r="K34" s="19">
        <v>3829</v>
      </c>
    </row>
    <row r="35" spans="1:11" ht="20.100000000000001" customHeight="1">
      <c r="A35" s="17" t="s">
        <v>67</v>
      </c>
      <c r="B35" s="17"/>
      <c r="C35" s="13">
        <v>15974</v>
      </c>
      <c r="D35" s="14">
        <v>8834</v>
      </c>
      <c r="E35" s="14">
        <v>7140</v>
      </c>
      <c r="F35" s="14"/>
      <c r="G35" s="18" t="s">
        <v>68</v>
      </c>
      <c r="H35" s="17"/>
      <c r="I35" s="13">
        <v>25530</v>
      </c>
      <c r="J35" s="14">
        <v>11438</v>
      </c>
      <c r="K35" s="14">
        <v>14092</v>
      </c>
    </row>
    <row r="36" spans="1:11" ht="15" customHeight="1">
      <c r="A36" s="17" t="s">
        <v>69</v>
      </c>
      <c r="B36" s="17"/>
      <c r="C36" s="13">
        <v>3378</v>
      </c>
      <c r="D36" s="19">
        <v>1875</v>
      </c>
      <c r="E36" s="19">
        <v>1503</v>
      </c>
      <c r="F36" s="19"/>
      <c r="G36" s="18" t="s">
        <v>70</v>
      </c>
      <c r="H36" s="17"/>
      <c r="I36" s="13">
        <v>4825</v>
      </c>
      <c r="J36" s="19">
        <v>2171</v>
      </c>
      <c r="K36" s="19">
        <v>2654</v>
      </c>
    </row>
    <row r="37" spans="1:11" ht="15" customHeight="1">
      <c r="A37" s="17" t="s">
        <v>71</v>
      </c>
      <c r="B37" s="17"/>
      <c r="C37" s="13">
        <v>3205</v>
      </c>
      <c r="D37" s="19">
        <v>1802</v>
      </c>
      <c r="E37" s="19">
        <v>1403</v>
      </c>
      <c r="F37" s="19"/>
      <c r="G37" s="18" t="s">
        <v>72</v>
      </c>
      <c r="H37" s="17"/>
      <c r="I37" s="13">
        <v>4284</v>
      </c>
      <c r="J37" s="19">
        <v>1888</v>
      </c>
      <c r="K37" s="19">
        <v>2396</v>
      </c>
    </row>
    <row r="38" spans="1:11" ht="15" customHeight="1">
      <c r="A38" s="17" t="s">
        <v>73</v>
      </c>
      <c r="B38" s="17"/>
      <c r="C38" s="13">
        <v>3268</v>
      </c>
      <c r="D38" s="19">
        <v>1791</v>
      </c>
      <c r="E38" s="19">
        <v>1477</v>
      </c>
      <c r="F38" s="19"/>
      <c r="G38" s="18" t="s">
        <v>74</v>
      </c>
      <c r="H38" s="17"/>
      <c r="I38" s="13">
        <v>5500</v>
      </c>
      <c r="J38" s="19">
        <v>2455</v>
      </c>
      <c r="K38" s="19">
        <v>3045</v>
      </c>
    </row>
    <row r="39" spans="1:11" ht="15" customHeight="1">
      <c r="A39" s="17" t="s">
        <v>75</v>
      </c>
      <c r="B39" s="17"/>
      <c r="C39" s="13">
        <v>3015</v>
      </c>
      <c r="D39" s="19">
        <v>1700</v>
      </c>
      <c r="E39" s="19">
        <v>1315</v>
      </c>
      <c r="F39" s="19"/>
      <c r="G39" s="18" t="s">
        <v>76</v>
      </c>
      <c r="H39" s="17"/>
      <c r="I39" s="13">
        <v>5597</v>
      </c>
      <c r="J39" s="19">
        <v>2506</v>
      </c>
      <c r="K39" s="19">
        <v>3091</v>
      </c>
    </row>
    <row r="40" spans="1:11" ht="15" customHeight="1">
      <c r="A40" s="17" t="s">
        <v>77</v>
      </c>
      <c r="B40" s="17"/>
      <c r="C40" s="13">
        <v>3108</v>
      </c>
      <c r="D40" s="19">
        <v>1666</v>
      </c>
      <c r="E40" s="19">
        <v>1442</v>
      </c>
      <c r="F40" s="19"/>
      <c r="G40" s="18" t="s">
        <v>78</v>
      </c>
      <c r="H40" s="17"/>
      <c r="I40" s="13">
        <v>5324</v>
      </c>
      <c r="J40" s="19">
        <v>2418</v>
      </c>
      <c r="K40" s="19">
        <v>2906</v>
      </c>
    </row>
    <row r="41" spans="1:11" ht="20.100000000000001" customHeight="1">
      <c r="A41" s="17" t="s">
        <v>79</v>
      </c>
      <c r="B41" s="17"/>
      <c r="C41" s="13">
        <v>16779</v>
      </c>
      <c r="D41" s="14">
        <v>9175</v>
      </c>
      <c r="E41" s="14">
        <v>7604</v>
      </c>
      <c r="F41" s="14"/>
      <c r="G41" s="18" t="s">
        <v>80</v>
      </c>
      <c r="H41" s="17"/>
      <c r="I41" s="13">
        <v>20911</v>
      </c>
      <c r="J41" s="14">
        <v>9076</v>
      </c>
      <c r="K41" s="14">
        <v>11835</v>
      </c>
    </row>
    <row r="42" spans="1:11" ht="15" customHeight="1">
      <c r="A42" s="17" t="s">
        <v>81</v>
      </c>
      <c r="B42" s="17"/>
      <c r="C42" s="13">
        <v>3185</v>
      </c>
      <c r="D42" s="19">
        <v>1792</v>
      </c>
      <c r="E42" s="19">
        <v>1393</v>
      </c>
      <c r="F42" s="19"/>
      <c r="G42" s="18" t="s">
        <v>82</v>
      </c>
      <c r="H42" s="17"/>
      <c r="I42" s="13">
        <v>5283</v>
      </c>
      <c r="J42" s="19">
        <v>2351</v>
      </c>
      <c r="K42" s="19">
        <v>2932</v>
      </c>
    </row>
    <row r="43" spans="1:11" ht="15" customHeight="1">
      <c r="A43" s="17" t="s">
        <v>83</v>
      </c>
      <c r="B43" s="17"/>
      <c r="C43" s="13">
        <v>3293</v>
      </c>
      <c r="D43" s="19">
        <v>1788</v>
      </c>
      <c r="E43" s="19">
        <v>1505</v>
      </c>
      <c r="F43" s="19"/>
      <c r="G43" s="18" t="s">
        <v>84</v>
      </c>
      <c r="H43" s="17"/>
      <c r="I43" s="13">
        <v>4470</v>
      </c>
      <c r="J43" s="19">
        <v>1918</v>
      </c>
      <c r="K43" s="19">
        <v>2552</v>
      </c>
    </row>
    <row r="44" spans="1:11" ht="15" customHeight="1">
      <c r="A44" s="17" t="s">
        <v>85</v>
      </c>
      <c r="B44" s="17"/>
      <c r="C44" s="13">
        <v>3306</v>
      </c>
      <c r="D44" s="19">
        <v>1767</v>
      </c>
      <c r="E44" s="19">
        <v>1539</v>
      </c>
      <c r="F44" s="19"/>
      <c r="G44" s="18" t="s">
        <v>86</v>
      </c>
      <c r="H44" s="17"/>
      <c r="I44" s="13">
        <v>3963</v>
      </c>
      <c r="J44" s="19">
        <v>1734</v>
      </c>
      <c r="K44" s="19">
        <v>2229</v>
      </c>
    </row>
    <row r="45" spans="1:11" ht="15" customHeight="1">
      <c r="A45" s="17" t="s">
        <v>87</v>
      </c>
      <c r="B45" s="17"/>
      <c r="C45" s="13">
        <v>3503</v>
      </c>
      <c r="D45" s="19">
        <v>1927</v>
      </c>
      <c r="E45" s="19">
        <v>1576</v>
      </c>
      <c r="F45" s="19"/>
      <c r="G45" s="18" t="s">
        <v>88</v>
      </c>
      <c r="H45" s="17"/>
      <c r="I45" s="13">
        <v>3555</v>
      </c>
      <c r="J45" s="19">
        <v>1531</v>
      </c>
      <c r="K45" s="19">
        <v>2024</v>
      </c>
    </row>
    <row r="46" spans="1:11" ht="15" customHeight="1">
      <c r="A46" s="17" t="s">
        <v>89</v>
      </c>
      <c r="B46" s="17"/>
      <c r="C46" s="13">
        <v>3492</v>
      </c>
      <c r="D46" s="19">
        <v>1901</v>
      </c>
      <c r="E46" s="19">
        <v>1591</v>
      </c>
      <c r="F46" s="19"/>
      <c r="G46" s="18" t="s">
        <v>90</v>
      </c>
      <c r="H46" s="17"/>
      <c r="I46" s="13">
        <v>3640</v>
      </c>
      <c r="J46" s="19">
        <v>1542</v>
      </c>
      <c r="K46" s="19">
        <v>2098</v>
      </c>
    </row>
    <row r="47" spans="1:11" ht="20.100000000000001" customHeight="1">
      <c r="A47" s="17" t="s">
        <v>91</v>
      </c>
      <c r="B47" s="17"/>
      <c r="C47" s="13">
        <v>19099</v>
      </c>
      <c r="D47" s="14">
        <v>10175</v>
      </c>
      <c r="E47" s="14">
        <v>8924</v>
      </c>
      <c r="F47" s="14"/>
      <c r="G47" s="18" t="s">
        <v>92</v>
      </c>
      <c r="H47" s="17"/>
      <c r="I47" s="13">
        <v>13445</v>
      </c>
      <c r="J47" s="14">
        <v>5145</v>
      </c>
      <c r="K47" s="14">
        <v>8300</v>
      </c>
    </row>
    <row r="48" spans="1:11" ht="15" customHeight="1">
      <c r="A48" s="17" t="s">
        <v>93</v>
      </c>
      <c r="B48" s="17"/>
      <c r="C48" s="13">
        <v>3568</v>
      </c>
      <c r="D48" s="19">
        <v>1955</v>
      </c>
      <c r="E48" s="19">
        <v>1613</v>
      </c>
      <c r="F48" s="19"/>
      <c r="G48" s="18" t="s">
        <v>94</v>
      </c>
      <c r="H48" s="17"/>
      <c r="I48" s="13">
        <v>3219</v>
      </c>
      <c r="J48" s="19">
        <v>1325</v>
      </c>
      <c r="K48" s="19">
        <v>1894</v>
      </c>
    </row>
    <row r="49" spans="1:11" ht="15" customHeight="1">
      <c r="A49" s="17" t="s">
        <v>95</v>
      </c>
      <c r="B49" s="17"/>
      <c r="C49" s="13">
        <v>3712</v>
      </c>
      <c r="D49" s="19">
        <v>1978</v>
      </c>
      <c r="E49" s="19">
        <v>1734</v>
      </c>
      <c r="F49" s="19"/>
      <c r="G49" s="18" t="s">
        <v>96</v>
      </c>
      <c r="H49" s="17"/>
      <c r="I49" s="13">
        <v>3271</v>
      </c>
      <c r="J49" s="19">
        <v>1303</v>
      </c>
      <c r="K49" s="19">
        <v>1968</v>
      </c>
    </row>
    <row r="50" spans="1:11" ht="15" customHeight="1">
      <c r="A50" s="17" t="s">
        <v>97</v>
      </c>
      <c r="B50" s="17"/>
      <c r="C50" s="13">
        <v>3839</v>
      </c>
      <c r="D50" s="19">
        <v>2061</v>
      </c>
      <c r="E50" s="19">
        <v>1778</v>
      </c>
      <c r="F50" s="19"/>
      <c r="G50" s="18" t="s">
        <v>98</v>
      </c>
      <c r="H50" s="17"/>
      <c r="I50" s="13">
        <v>2544</v>
      </c>
      <c r="J50" s="19">
        <v>927</v>
      </c>
      <c r="K50" s="19">
        <v>1617</v>
      </c>
    </row>
    <row r="51" spans="1:11" ht="15" customHeight="1">
      <c r="A51" s="17" t="s">
        <v>99</v>
      </c>
      <c r="B51" s="17"/>
      <c r="C51" s="13">
        <v>3996</v>
      </c>
      <c r="D51" s="19">
        <v>2087</v>
      </c>
      <c r="E51" s="19">
        <v>1909</v>
      </c>
      <c r="F51" s="19"/>
      <c r="G51" s="18" t="s">
        <v>100</v>
      </c>
      <c r="H51" s="17"/>
      <c r="I51" s="13">
        <v>2409</v>
      </c>
      <c r="J51" s="19">
        <v>887</v>
      </c>
      <c r="K51" s="19">
        <v>1522</v>
      </c>
    </row>
    <row r="52" spans="1:11" ht="15" customHeight="1">
      <c r="A52" s="17" t="s">
        <v>101</v>
      </c>
      <c r="B52" s="17"/>
      <c r="C52" s="13">
        <v>3984</v>
      </c>
      <c r="D52" s="19">
        <v>2094</v>
      </c>
      <c r="E52" s="19">
        <v>1890</v>
      </c>
      <c r="F52" s="19"/>
      <c r="G52" s="18" t="s">
        <v>102</v>
      </c>
      <c r="H52" s="17"/>
      <c r="I52" s="13">
        <v>2002</v>
      </c>
      <c r="J52" s="19">
        <v>703</v>
      </c>
      <c r="K52" s="19">
        <v>1299</v>
      </c>
    </row>
    <row r="53" spans="1:11" ht="20.100000000000001" customHeight="1">
      <c r="A53" s="17" t="s">
        <v>103</v>
      </c>
      <c r="B53" s="17"/>
      <c r="C53" s="13">
        <v>22490</v>
      </c>
      <c r="D53" s="14">
        <v>11696</v>
      </c>
      <c r="E53" s="14">
        <v>10794</v>
      </c>
      <c r="F53" s="14"/>
      <c r="G53" s="18" t="s">
        <v>104</v>
      </c>
      <c r="H53" s="17"/>
      <c r="I53" s="13">
        <v>6029</v>
      </c>
      <c r="J53" s="14">
        <v>1771</v>
      </c>
      <c r="K53" s="14">
        <v>4258</v>
      </c>
    </row>
    <row r="54" spans="1:11" ht="15" customHeight="1">
      <c r="A54" s="17" t="s">
        <v>105</v>
      </c>
      <c r="B54" s="17"/>
      <c r="C54" s="13">
        <v>4047</v>
      </c>
      <c r="D54" s="19">
        <v>2096</v>
      </c>
      <c r="E54" s="19">
        <v>1951</v>
      </c>
      <c r="F54" s="19"/>
      <c r="G54" s="18" t="s">
        <v>106</v>
      </c>
      <c r="H54" s="17"/>
      <c r="I54" s="13">
        <v>1725</v>
      </c>
      <c r="J54" s="19">
        <v>543</v>
      </c>
      <c r="K54" s="19">
        <v>1182</v>
      </c>
    </row>
    <row r="55" spans="1:11" ht="15" customHeight="1">
      <c r="A55" s="17" t="s">
        <v>107</v>
      </c>
      <c r="B55" s="17"/>
      <c r="C55" s="13">
        <v>4188</v>
      </c>
      <c r="D55" s="19">
        <v>2152</v>
      </c>
      <c r="E55" s="19">
        <v>2036</v>
      </c>
      <c r="F55" s="19"/>
      <c r="G55" s="18" t="s">
        <v>108</v>
      </c>
      <c r="H55" s="17"/>
      <c r="I55" s="13">
        <v>1394</v>
      </c>
      <c r="J55" s="19">
        <v>420</v>
      </c>
      <c r="K55" s="19">
        <v>974</v>
      </c>
    </row>
    <row r="56" spans="1:11" ht="15" customHeight="1">
      <c r="A56" s="17" t="s">
        <v>109</v>
      </c>
      <c r="B56" s="17"/>
      <c r="C56" s="13">
        <v>4538</v>
      </c>
      <c r="D56" s="19">
        <v>2364</v>
      </c>
      <c r="E56" s="19">
        <v>2174</v>
      </c>
      <c r="F56" s="19"/>
      <c r="G56" s="18" t="s">
        <v>110</v>
      </c>
      <c r="H56" s="17"/>
      <c r="I56" s="13">
        <v>1199</v>
      </c>
      <c r="J56" s="19">
        <v>347</v>
      </c>
      <c r="K56" s="19">
        <v>852</v>
      </c>
    </row>
    <row r="57" spans="1:11" ht="15" customHeight="1">
      <c r="A57" s="17" t="s">
        <v>111</v>
      </c>
      <c r="B57" s="17"/>
      <c r="C57" s="13">
        <v>4759</v>
      </c>
      <c r="D57" s="19">
        <v>2489</v>
      </c>
      <c r="E57" s="19">
        <v>2270</v>
      </c>
      <c r="F57" s="19"/>
      <c r="G57" s="18" t="s">
        <v>112</v>
      </c>
      <c r="H57" s="17"/>
      <c r="I57" s="13">
        <v>955</v>
      </c>
      <c r="J57" s="19">
        <v>260</v>
      </c>
      <c r="K57" s="19">
        <v>695</v>
      </c>
    </row>
    <row r="58" spans="1:11" ht="15" customHeight="1">
      <c r="A58" s="17" t="s">
        <v>113</v>
      </c>
      <c r="B58" s="17"/>
      <c r="C58" s="13">
        <v>4958</v>
      </c>
      <c r="D58" s="19">
        <v>2595</v>
      </c>
      <c r="E58" s="19">
        <v>2363</v>
      </c>
      <c r="F58" s="19"/>
      <c r="G58" s="18" t="s">
        <v>114</v>
      </c>
      <c r="H58" s="17"/>
      <c r="I58" s="13">
        <v>756</v>
      </c>
      <c r="J58" s="19">
        <v>201</v>
      </c>
      <c r="K58" s="19">
        <v>555</v>
      </c>
    </row>
    <row r="59" spans="1:11" ht="20.100000000000001" customHeight="1">
      <c r="A59" s="17" t="s">
        <v>115</v>
      </c>
      <c r="B59" s="17"/>
      <c r="C59" s="13">
        <v>29765</v>
      </c>
      <c r="D59" s="14">
        <v>15467</v>
      </c>
      <c r="E59" s="14">
        <v>14298</v>
      </c>
      <c r="F59" s="14"/>
      <c r="G59" s="18" t="s">
        <v>116</v>
      </c>
      <c r="H59" s="17"/>
      <c r="I59" s="13">
        <v>1562</v>
      </c>
      <c r="J59" s="14">
        <v>318</v>
      </c>
      <c r="K59" s="14">
        <v>1244</v>
      </c>
    </row>
    <row r="60" spans="1:11" ht="15" customHeight="1">
      <c r="A60" s="17" t="s">
        <v>117</v>
      </c>
      <c r="B60" s="17"/>
      <c r="C60" s="13">
        <v>5330</v>
      </c>
      <c r="D60" s="19">
        <v>2792</v>
      </c>
      <c r="E60" s="19">
        <v>2538</v>
      </c>
      <c r="F60" s="19"/>
      <c r="G60" s="18" t="s">
        <v>118</v>
      </c>
      <c r="H60" s="17"/>
      <c r="I60" s="13">
        <v>493</v>
      </c>
      <c r="J60" s="19">
        <v>123</v>
      </c>
      <c r="K60" s="19">
        <v>370</v>
      </c>
    </row>
    <row r="61" spans="1:11" ht="15" customHeight="1">
      <c r="A61" s="17" t="s">
        <v>119</v>
      </c>
      <c r="B61" s="17"/>
      <c r="C61" s="13">
        <v>5632</v>
      </c>
      <c r="D61" s="19">
        <v>2946</v>
      </c>
      <c r="E61" s="19">
        <v>2686</v>
      </c>
      <c r="F61" s="19"/>
      <c r="G61" s="18" t="s">
        <v>120</v>
      </c>
      <c r="H61" s="17"/>
      <c r="I61" s="13">
        <v>448</v>
      </c>
      <c r="J61" s="19">
        <v>77</v>
      </c>
      <c r="K61" s="19">
        <v>371</v>
      </c>
    </row>
    <row r="62" spans="1:11" ht="15" customHeight="1">
      <c r="A62" s="17" t="s">
        <v>121</v>
      </c>
      <c r="B62" s="17"/>
      <c r="C62" s="13">
        <v>5997</v>
      </c>
      <c r="D62" s="19">
        <v>3072</v>
      </c>
      <c r="E62" s="19">
        <v>2925</v>
      </c>
      <c r="F62" s="19"/>
      <c r="G62" s="18" t="s">
        <v>122</v>
      </c>
      <c r="H62" s="17"/>
      <c r="I62" s="13">
        <v>269</v>
      </c>
      <c r="J62" s="19">
        <v>53</v>
      </c>
      <c r="K62" s="19">
        <v>216</v>
      </c>
    </row>
    <row r="63" spans="1:11" ht="15" customHeight="1">
      <c r="A63" s="17" t="s">
        <v>123</v>
      </c>
      <c r="B63" s="17"/>
      <c r="C63" s="13">
        <v>6338</v>
      </c>
      <c r="D63" s="19">
        <v>3279</v>
      </c>
      <c r="E63" s="19">
        <v>3059</v>
      </c>
      <c r="F63" s="19"/>
      <c r="G63" s="18" t="s">
        <v>124</v>
      </c>
      <c r="H63" s="17"/>
      <c r="I63" s="13">
        <v>222</v>
      </c>
      <c r="J63" s="19">
        <v>41</v>
      </c>
      <c r="K63" s="19">
        <v>181</v>
      </c>
    </row>
    <row r="64" spans="1:11" ht="15" customHeight="1">
      <c r="A64" s="17" t="s">
        <v>125</v>
      </c>
      <c r="B64" s="17"/>
      <c r="C64" s="13">
        <v>6468</v>
      </c>
      <c r="D64" s="19">
        <v>3378</v>
      </c>
      <c r="E64" s="19">
        <v>3090</v>
      </c>
      <c r="F64" s="19"/>
      <c r="G64" s="18" t="s">
        <v>126</v>
      </c>
      <c r="H64" s="17"/>
      <c r="I64" s="13">
        <v>130</v>
      </c>
      <c r="J64" s="19">
        <v>24</v>
      </c>
      <c r="K64" s="19">
        <v>106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283</v>
      </c>
      <c r="J65" s="19">
        <v>31</v>
      </c>
      <c r="K65" s="19">
        <v>252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686</v>
      </c>
      <c r="J66" s="27">
        <v>434</v>
      </c>
      <c r="K66" s="27">
        <v>252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66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72698</v>
      </c>
      <c r="D4" s="14">
        <v>81089</v>
      </c>
      <c r="E4" s="14">
        <v>9160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151</v>
      </c>
      <c r="D5" s="14">
        <v>2609</v>
      </c>
      <c r="E5" s="14">
        <v>2542</v>
      </c>
      <c r="F5" s="14"/>
      <c r="G5" s="18" t="s">
        <v>8</v>
      </c>
      <c r="H5" s="17"/>
      <c r="I5" s="13">
        <v>15428</v>
      </c>
      <c r="J5" s="14">
        <v>7554</v>
      </c>
      <c r="K5" s="14">
        <v>7874</v>
      </c>
    </row>
    <row r="6" spans="1:11" ht="15" customHeight="1">
      <c r="A6" s="17" t="s">
        <v>9</v>
      </c>
      <c r="B6" s="17"/>
      <c r="C6" s="13">
        <v>970</v>
      </c>
      <c r="D6" s="19">
        <v>522</v>
      </c>
      <c r="E6" s="19">
        <v>448</v>
      </c>
      <c r="F6" s="19"/>
      <c r="G6" s="18" t="s">
        <v>10</v>
      </c>
      <c r="H6" s="17"/>
      <c r="I6" s="13">
        <v>3233</v>
      </c>
      <c r="J6" s="19">
        <v>1511</v>
      </c>
      <c r="K6" s="19">
        <v>1722</v>
      </c>
    </row>
    <row r="7" spans="1:11" ht="15" customHeight="1">
      <c r="A7" s="17" t="s">
        <v>11</v>
      </c>
      <c r="B7" s="17"/>
      <c r="C7" s="13">
        <v>937</v>
      </c>
      <c r="D7" s="19">
        <v>449</v>
      </c>
      <c r="E7" s="19">
        <v>488</v>
      </c>
      <c r="F7" s="19"/>
      <c r="G7" s="18" t="s">
        <v>12</v>
      </c>
      <c r="H7" s="17"/>
      <c r="I7" s="13">
        <v>3107</v>
      </c>
      <c r="J7" s="19">
        <v>1508</v>
      </c>
      <c r="K7" s="19">
        <v>1599</v>
      </c>
    </row>
    <row r="8" spans="1:11" ht="15" customHeight="1">
      <c r="A8" s="17" t="s">
        <v>13</v>
      </c>
      <c r="B8" s="17"/>
      <c r="C8" s="13">
        <v>1050</v>
      </c>
      <c r="D8" s="19">
        <v>532</v>
      </c>
      <c r="E8" s="19">
        <v>518</v>
      </c>
      <c r="F8" s="19"/>
      <c r="G8" s="18" t="s">
        <v>14</v>
      </c>
      <c r="H8" s="17"/>
      <c r="I8" s="13">
        <v>3048</v>
      </c>
      <c r="J8" s="19">
        <v>1518</v>
      </c>
      <c r="K8" s="19">
        <v>1530</v>
      </c>
    </row>
    <row r="9" spans="1:11" ht="15" customHeight="1">
      <c r="A9" s="17" t="s">
        <v>15</v>
      </c>
      <c r="B9" s="17"/>
      <c r="C9" s="13">
        <v>1106</v>
      </c>
      <c r="D9" s="19">
        <v>555</v>
      </c>
      <c r="E9" s="19">
        <v>551</v>
      </c>
      <c r="F9" s="19"/>
      <c r="G9" s="18" t="s">
        <v>16</v>
      </c>
      <c r="H9" s="17"/>
      <c r="I9" s="13">
        <v>3058</v>
      </c>
      <c r="J9" s="19">
        <v>1533</v>
      </c>
      <c r="K9" s="19">
        <v>1525</v>
      </c>
    </row>
    <row r="10" spans="1:11" ht="15" customHeight="1">
      <c r="A10" s="17" t="s">
        <v>17</v>
      </c>
      <c r="B10" s="17"/>
      <c r="C10" s="13">
        <v>1088</v>
      </c>
      <c r="D10" s="19">
        <v>551</v>
      </c>
      <c r="E10" s="19">
        <v>537</v>
      </c>
      <c r="F10" s="19"/>
      <c r="G10" s="18" t="s">
        <v>18</v>
      </c>
      <c r="H10" s="17"/>
      <c r="I10" s="13">
        <v>2982</v>
      </c>
      <c r="J10" s="19">
        <v>1484</v>
      </c>
      <c r="K10" s="19">
        <v>1498</v>
      </c>
    </row>
    <row r="11" spans="1:11" ht="20.100000000000001" customHeight="1">
      <c r="A11" s="17" t="s">
        <v>19</v>
      </c>
      <c r="B11" s="17"/>
      <c r="C11" s="13">
        <v>6654</v>
      </c>
      <c r="D11" s="14">
        <v>3417</v>
      </c>
      <c r="E11" s="14">
        <v>3237</v>
      </c>
      <c r="F11" s="14"/>
      <c r="G11" s="18" t="s">
        <v>20</v>
      </c>
      <c r="H11" s="17"/>
      <c r="I11" s="13">
        <v>12331</v>
      </c>
      <c r="J11" s="14">
        <v>6219</v>
      </c>
      <c r="K11" s="14">
        <v>6112</v>
      </c>
    </row>
    <row r="12" spans="1:11" ht="15" customHeight="1">
      <c r="A12" s="17" t="s">
        <v>21</v>
      </c>
      <c r="B12" s="17"/>
      <c r="C12" s="13">
        <v>1266</v>
      </c>
      <c r="D12" s="19">
        <v>649</v>
      </c>
      <c r="E12" s="19">
        <v>617</v>
      </c>
      <c r="F12" s="19"/>
      <c r="G12" s="18" t="s">
        <v>22</v>
      </c>
      <c r="H12" s="17"/>
      <c r="I12" s="13">
        <v>2267</v>
      </c>
      <c r="J12" s="19">
        <v>1145</v>
      </c>
      <c r="K12" s="19">
        <v>1122</v>
      </c>
    </row>
    <row r="13" spans="1:11" ht="15" customHeight="1">
      <c r="A13" s="17" t="s">
        <v>23</v>
      </c>
      <c r="B13" s="17"/>
      <c r="C13" s="13">
        <v>1309</v>
      </c>
      <c r="D13" s="19">
        <v>687</v>
      </c>
      <c r="E13" s="19">
        <v>622</v>
      </c>
      <c r="F13" s="19"/>
      <c r="G13" s="18" t="s">
        <v>24</v>
      </c>
      <c r="H13" s="17"/>
      <c r="I13" s="13">
        <v>2808</v>
      </c>
      <c r="J13" s="19">
        <v>1386</v>
      </c>
      <c r="K13" s="19">
        <v>1422</v>
      </c>
    </row>
    <row r="14" spans="1:11" ht="15" customHeight="1">
      <c r="A14" s="17" t="s">
        <v>25</v>
      </c>
      <c r="B14" s="17"/>
      <c r="C14" s="13">
        <v>1272</v>
      </c>
      <c r="D14" s="19">
        <v>629</v>
      </c>
      <c r="E14" s="19">
        <v>643</v>
      </c>
      <c r="F14" s="19"/>
      <c r="G14" s="18" t="s">
        <v>26</v>
      </c>
      <c r="H14" s="17"/>
      <c r="I14" s="13">
        <v>2558</v>
      </c>
      <c r="J14" s="19">
        <v>1316</v>
      </c>
      <c r="K14" s="19">
        <v>1242</v>
      </c>
    </row>
    <row r="15" spans="1:11" ht="15" customHeight="1">
      <c r="A15" s="17" t="s">
        <v>27</v>
      </c>
      <c r="B15" s="17"/>
      <c r="C15" s="13">
        <v>1357</v>
      </c>
      <c r="D15" s="19">
        <v>729</v>
      </c>
      <c r="E15" s="19">
        <v>628</v>
      </c>
      <c r="F15" s="19"/>
      <c r="G15" s="18" t="s">
        <v>28</v>
      </c>
      <c r="H15" s="17"/>
      <c r="I15" s="13">
        <v>2445</v>
      </c>
      <c r="J15" s="19">
        <v>1218</v>
      </c>
      <c r="K15" s="19">
        <v>1227</v>
      </c>
    </row>
    <row r="16" spans="1:11" ht="15" customHeight="1">
      <c r="A16" s="17" t="s">
        <v>29</v>
      </c>
      <c r="B16" s="17"/>
      <c r="C16" s="13">
        <v>1450</v>
      </c>
      <c r="D16" s="19">
        <v>723</v>
      </c>
      <c r="E16" s="19">
        <v>727</v>
      </c>
      <c r="F16" s="19"/>
      <c r="G16" s="18" t="s">
        <v>30</v>
      </c>
      <c r="H16" s="17"/>
      <c r="I16" s="13">
        <v>2253</v>
      </c>
      <c r="J16" s="19">
        <v>1154</v>
      </c>
      <c r="K16" s="19">
        <v>1099</v>
      </c>
    </row>
    <row r="17" spans="1:11" ht="20.100000000000001" customHeight="1">
      <c r="A17" s="20" t="s">
        <v>31</v>
      </c>
      <c r="B17" s="20"/>
      <c r="C17" s="13">
        <v>7455</v>
      </c>
      <c r="D17" s="14">
        <v>3834</v>
      </c>
      <c r="E17" s="14">
        <v>3621</v>
      </c>
      <c r="F17" s="14"/>
      <c r="G17" s="18" t="s">
        <v>32</v>
      </c>
      <c r="H17" s="17"/>
      <c r="I17" s="13">
        <v>10025</v>
      </c>
      <c r="J17" s="14">
        <v>5022</v>
      </c>
      <c r="K17" s="14">
        <v>5003</v>
      </c>
    </row>
    <row r="18" spans="1:11" ht="15" customHeight="1">
      <c r="A18" s="17" t="s">
        <v>33</v>
      </c>
      <c r="B18" s="17"/>
      <c r="C18" s="13">
        <v>1386</v>
      </c>
      <c r="D18" s="19">
        <v>695</v>
      </c>
      <c r="E18" s="19">
        <v>691</v>
      </c>
      <c r="F18" s="19"/>
      <c r="G18" s="18" t="s">
        <v>34</v>
      </c>
      <c r="H18" s="17"/>
      <c r="I18" s="13">
        <v>2162</v>
      </c>
      <c r="J18" s="19">
        <v>1103</v>
      </c>
      <c r="K18" s="19">
        <v>1059</v>
      </c>
    </row>
    <row r="19" spans="1:11" ht="15" customHeight="1">
      <c r="A19" s="17" t="s">
        <v>35</v>
      </c>
      <c r="B19" s="17"/>
      <c r="C19" s="13">
        <v>1509</v>
      </c>
      <c r="D19" s="19">
        <v>770</v>
      </c>
      <c r="E19" s="19">
        <v>739</v>
      </c>
      <c r="F19" s="19"/>
      <c r="G19" s="18" t="s">
        <v>36</v>
      </c>
      <c r="H19" s="17"/>
      <c r="I19" s="13">
        <v>2158</v>
      </c>
      <c r="J19" s="19">
        <v>1051</v>
      </c>
      <c r="K19" s="19">
        <v>1107</v>
      </c>
    </row>
    <row r="20" spans="1:11" ht="15" customHeight="1">
      <c r="A20" s="17" t="s">
        <v>37</v>
      </c>
      <c r="B20" s="17"/>
      <c r="C20" s="13">
        <v>1508</v>
      </c>
      <c r="D20" s="19">
        <v>778</v>
      </c>
      <c r="E20" s="19">
        <v>730</v>
      </c>
      <c r="F20" s="19"/>
      <c r="G20" s="18" t="s">
        <v>38</v>
      </c>
      <c r="H20" s="17"/>
      <c r="I20" s="13">
        <v>1990</v>
      </c>
      <c r="J20" s="19">
        <v>989</v>
      </c>
      <c r="K20" s="19">
        <v>1001</v>
      </c>
    </row>
    <row r="21" spans="1:11" ht="15" customHeight="1">
      <c r="A21" s="17" t="s">
        <v>39</v>
      </c>
      <c r="B21" s="17"/>
      <c r="C21" s="13">
        <v>1483</v>
      </c>
      <c r="D21" s="19">
        <v>761</v>
      </c>
      <c r="E21" s="19">
        <v>722</v>
      </c>
      <c r="F21" s="19"/>
      <c r="G21" s="18" t="s">
        <v>40</v>
      </c>
      <c r="H21" s="17"/>
      <c r="I21" s="13">
        <v>1969</v>
      </c>
      <c r="J21" s="19">
        <v>985</v>
      </c>
      <c r="K21" s="19">
        <v>984</v>
      </c>
    </row>
    <row r="22" spans="1:11" ht="15" customHeight="1">
      <c r="A22" s="17" t="s">
        <v>41</v>
      </c>
      <c r="B22" s="17"/>
      <c r="C22" s="13">
        <v>1569</v>
      </c>
      <c r="D22" s="19">
        <v>830</v>
      </c>
      <c r="E22" s="19">
        <v>739</v>
      </c>
      <c r="F22" s="19"/>
      <c r="G22" s="18" t="s">
        <v>42</v>
      </c>
      <c r="H22" s="17"/>
      <c r="I22" s="13">
        <v>1746</v>
      </c>
      <c r="J22" s="19">
        <v>894</v>
      </c>
      <c r="K22" s="19">
        <v>852</v>
      </c>
    </row>
    <row r="23" spans="1:11" ht="20.100000000000001" customHeight="1">
      <c r="A23" s="17" t="s">
        <v>43</v>
      </c>
      <c r="B23" s="17"/>
      <c r="C23" s="13">
        <v>7476</v>
      </c>
      <c r="D23" s="14">
        <v>3717</v>
      </c>
      <c r="E23" s="14">
        <v>3759</v>
      </c>
      <c r="F23" s="14"/>
      <c r="G23" s="18" t="s">
        <v>44</v>
      </c>
      <c r="H23" s="17"/>
      <c r="I23" s="13">
        <v>9243</v>
      </c>
      <c r="J23" s="14">
        <v>4326</v>
      </c>
      <c r="K23" s="14">
        <v>4917</v>
      </c>
    </row>
    <row r="24" spans="1:11" ht="15" customHeight="1">
      <c r="A24" s="17" t="s">
        <v>45</v>
      </c>
      <c r="B24" s="17"/>
      <c r="C24" s="13">
        <v>1513</v>
      </c>
      <c r="D24" s="19">
        <v>744</v>
      </c>
      <c r="E24" s="19">
        <v>769</v>
      </c>
      <c r="F24" s="19"/>
      <c r="G24" s="18" t="s">
        <v>46</v>
      </c>
      <c r="H24" s="17"/>
      <c r="I24" s="13">
        <v>1775</v>
      </c>
      <c r="J24" s="19">
        <v>861</v>
      </c>
      <c r="K24" s="19">
        <v>914</v>
      </c>
    </row>
    <row r="25" spans="1:11" ht="15" customHeight="1">
      <c r="A25" s="17" t="s">
        <v>47</v>
      </c>
      <c r="B25" s="17"/>
      <c r="C25" s="13">
        <v>1470</v>
      </c>
      <c r="D25" s="19">
        <v>710</v>
      </c>
      <c r="E25" s="19">
        <v>760</v>
      </c>
      <c r="F25" s="19"/>
      <c r="G25" s="18" t="s">
        <v>48</v>
      </c>
      <c r="H25" s="17"/>
      <c r="I25" s="13">
        <v>1846</v>
      </c>
      <c r="J25" s="19">
        <v>843</v>
      </c>
      <c r="K25" s="19">
        <v>1003</v>
      </c>
    </row>
    <row r="26" spans="1:11" ht="15" customHeight="1">
      <c r="A26" s="17" t="s">
        <v>49</v>
      </c>
      <c r="B26" s="17"/>
      <c r="C26" s="13">
        <v>1461</v>
      </c>
      <c r="D26" s="19">
        <v>757</v>
      </c>
      <c r="E26" s="19">
        <v>704</v>
      </c>
      <c r="F26" s="19"/>
      <c r="G26" s="18" t="s">
        <v>50</v>
      </c>
      <c r="H26" s="17"/>
      <c r="I26" s="13">
        <v>1773</v>
      </c>
      <c r="J26" s="19">
        <v>851</v>
      </c>
      <c r="K26" s="19">
        <v>922</v>
      </c>
    </row>
    <row r="27" spans="1:11" ht="15" customHeight="1">
      <c r="A27" s="17" t="s">
        <v>51</v>
      </c>
      <c r="B27" s="17"/>
      <c r="C27" s="13">
        <v>1569</v>
      </c>
      <c r="D27" s="19">
        <v>800</v>
      </c>
      <c r="E27" s="19">
        <v>769</v>
      </c>
      <c r="F27" s="19"/>
      <c r="G27" s="18" t="s">
        <v>52</v>
      </c>
      <c r="H27" s="17"/>
      <c r="I27" s="13">
        <v>1877</v>
      </c>
      <c r="J27" s="19">
        <v>888</v>
      </c>
      <c r="K27" s="19">
        <v>989</v>
      </c>
    </row>
    <row r="28" spans="1:11" ht="15" customHeight="1">
      <c r="A28" s="17" t="s">
        <v>53</v>
      </c>
      <c r="B28" s="17"/>
      <c r="C28" s="13">
        <v>1463</v>
      </c>
      <c r="D28" s="19">
        <v>706</v>
      </c>
      <c r="E28" s="19">
        <v>757</v>
      </c>
      <c r="F28" s="19"/>
      <c r="G28" s="18" t="s">
        <v>54</v>
      </c>
      <c r="H28" s="17"/>
      <c r="I28" s="13">
        <v>1972</v>
      </c>
      <c r="J28" s="19">
        <v>883</v>
      </c>
      <c r="K28" s="19">
        <v>1089</v>
      </c>
    </row>
    <row r="29" spans="1:11" ht="20.100000000000001" customHeight="1">
      <c r="A29" s="17" t="s">
        <v>55</v>
      </c>
      <c r="B29" s="17"/>
      <c r="C29" s="13">
        <v>7140</v>
      </c>
      <c r="D29" s="14">
        <v>3396</v>
      </c>
      <c r="E29" s="14">
        <v>3744</v>
      </c>
      <c r="F29" s="14"/>
      <c r="G29" s="18" t="s">
        <v>56</v>
      </c>
      <c r="H29" s="17"/>
      <c r="I29" s="13">
        <v>12929</v>
      </c>
      <c r="J29" s="14">
        <v>5878</v>
      </c>
      <c r="K29" s="14">
        <v>7051</v>
      </c>
    </row>
    <row r="30" spans="1:11" ht="15" customHeight="1">
      <c r="A30" s="17" t="s">
        <v>57</v>
      </c>
      <c r="B30" s="17"/>
      <c r="C30" s="13">
        <v>1552</v>
      </c>
      <c r="D30" s="19">
        <v>757</v>
      </c>
      <c r="E30" s="19">
        <v>795</v>
      </c>
      <c r="F30" s="19"/>
      <c r="G30" s="18" t="s">
        <v>58</v>
      </c>
      <c r="H30" s="17"/>
      <c r="I30" s="13">
        <v>2187</v>
      </c>
      <c r="J30" s="19">
        <v>1008</v>
      </c>
      <c r="K30" s="19">
        <v>1179</v>
      </c>
    </row>
    <row r="31" spans="1:11" ht="15" customHeight="1">
      <c r="A31" s="17" t="s">
        <v>59</v>
      </c>
      <c r="B31" s="17"/>
      <c r="C31" s="13">
        <v>1520</v>
      </c>
      <c r="D31" s="19">
        <v>717</v>
      </c>
      <c r="E31" s="19">
        <v>803</v>
      </c>
      <c r="F31" s="19"/>
      <c r="G31" s="18" t="s">
        <v>60</v>
      </c>
      <c r="H31" s="17"/>
      <c r="I31" s="13">
        <v>2302</v>
      </c>
      <c r="J31" s="19">
        <v>1069</v>
      </c>
      <c r="K31" s="19">
        <v>1233</v>
      </c>
    </row>
    <row r="32" spans="1:11" ht="15" customHeight="1">
      <c r="A32" s="17" t="s">
        <v>61</v>
      </c>
      <c r="B32" s="17"/>
      <c r="C32" s="13">
        <v>1437</v>
      </c>
      <c r="D32" s="19">
        <v>651</v>
      </c>
      <c r="E32" s="19">
        <v>786</v>
      </c>
      <c r="F32" s="19"/>
      <c r="G32" s="18" t="s">
        <v>62</v>
      </c>
      <c r="H32" s="17"/>
      <c r="I32" s="13">
        <v>2685</v>
      </c>
      <c r="J32" s="19">
        <v>1191</v>
      </c>
      <c r="K32" s="19">
        <v>1494</v>
      </c>
    </row>
    <row r="33" spans="1:11" ht="15" customHeight="1">
      <c r="A33" s="17" t="s">
        <v>63</v>
      </c>
      <c r="B33" s="17"/>
      <c r="C33" s="13">
        <v>1310</v>
      </c>
      <c r="D33" s="19">
        <v>620</v>
      </c>
      <c r="E33" s="19">
        <v>690</v>
      </c>
      <c r="F33" s="19"/>
      <c r="G33" s="18" t="s">
        <v>64</v>
      </c>
      <c r="H33" s="17"/>
      <c r="I33" s="13">
        <v>2814</v>
      </c>
      <c r="J33" s="19">
        <v>1266</v>
      </c>
      <c r="K33" s="19">
        <v>1548</v>
      </c>
    </row>
    <row r="34" spans="1:11" ht="15" customHeight="1">
      <c r="A34" s="17" t="s">
        <v>65</v>
      </c>
      <c r="B34" s="17"/>
      <c r="C34" s="13">
        <v>1321</v>
      </c>
      <c r="D34" s="19">
        <v>651</v>
      </c>
      <c r="E34" s="19">
        <v>670</v>
      </c>
      <c r="F34" s="19"/>
      <c r="G34" s="18" t="s">
        <v>66</v>
      </c>
      <c r="H34" s="17"/>
      <c r="I34" s="13">
        <v>2941</v>
      </c>
      <c r="J34" s="19">
        <v>1344</v>
      </c>
      <c r="K34" s="19">
        <v>1597</v>
      </c>
    </row>
    <row r="35" spans="1:11" ht="20.100000000000001" customHeight="1">
      <c r="A35" s="17" t="s">
        <v>67</v>
      </c>
      <c r="B35" s="17"/>
      <c r="C35" s="13">
        <v>6224</v>
      </c>
      <c r="D35" s="14">
        <v>3017</v>
      </c>
      <c r="E35" s="14">
        <v>3207</v>
      </c>
      <c r="F35" s="14"/>
      <c r="G35" s="18" t="s">
        <v>68</v>
      </c>
      <c r="H35" s="17"/>
      <c r="I35" s="13">
        <v>10585</v>
      </c>
      <c r="J35" s="14">
        <v>4491</v>
      </c>
      <c r="K35" s="14">
        <v>6094</v>
      </c>
    </row>
    <row r="36" spans="1:11" ht="15" customHeight="1">
      <c r="A36" s="17" t="s">
        <v>69</v>
      </c>
      <c r="B36" s="17"/>
      <c r="C36" s="13">
        <v>1250</v>
      </c>
      <c r="D36" s="19">
        <v>618</v>
      </c>
      <c r="E36" s="19">
        <v>632</v>
      </c>
      <c r="F36" s="19"/>
      <c r="G36" s="18" t="s">
        <v>70</v>
      </c>
      <c r="H36" s="17"/>
      <c r="I36" s="13">
        <v>2052</v>
      </c>
      <c r="J36" s="19">
        <v>902</v>
      </c>
      <c r="K36" s="19">
        <v>1150</v>
      </c>
    </row>
    <row r="37" spans="1:11" ht="15" customHeight="1">
      <c r="A37" s="17" t="s">
        <v>71</v>
      </c>
      <c r="B37" s="17"/>
      <c r="C37" s="13">
        <v>1189</v>
      </c>
      <c r="D37" s="19">
        <v>592</v>
      </c>
      <c r="E37" s="19">
        <v>597</v>
      </c>
      <c r="F37" s="19"/>
      <c r="G37" s="18" t="s">
        <v>72</v>
      </c>
      <c r="H37" s="17"/>
      <c r="I37" s="13">
        <v>1804</v>
      </c>
      <c r="J37" s="19">
        <v>766</v>
      </c>
      <c r="K37" s="19">
        <v>1038</v>
      </c>
    </row>
    <row r="38" spans="1:11" ht="15" customHeight="1">
      <c r="A38" s="17" t="s">
        <v>73</v>
      </c>
      <c r="B38" s="17"/>
      <c r="C38" s="13">
        <v>1345</v>
      </c>
      <c r="D38" s="19">
        <v>649</v>
      </c>
      <c r="E38" s="19">
        <v>696</v>
      </c>
      <c r="F38" s="19"/>
      <c r="G38" s="18" t="s">
        <v>74</v>
      </c>
      <c r="H38" s="17"/>
      <c r="I38" s="13">
        <v>2197</v>
      </c>
      <c r="J38" s="19">
        <v>926</v>
      </c>
      <c r="K38" s="19">
        <v>1271</v>
      </c>
    </row>
    <row r="39" spans="1:11" ht="15" customHeight="1">
      <c r="A39" s="17" t="s">
        <v>75</v>
      </c>
      <c r="B39" s="17"/>
      <c r="C39" s="13">
        <v>1214</v>
      </c>
      <c r="D39" s="19">
        <v>592</v>
      </c>
      <c r="E39" s="19">
        <v>622</v>
      </c>
      <c r="F39" s="19"/>
      <c r="G39" s="18" t="s">
        <v>76</v>
      </c>
      <c r="H39" s="17"/>
      <c r="I39" s="13">
        <v>2266</v>
      </c>
      <c r="J39" s="19">
        <v>954</v>
      </c>
      <c r="K39" s="19">
        <v>1312</v>
      </c>
    </row>
    <row r="40" spans="1:11" ht="15" customHeight="1">
      <c r="A40" s="17" t="s">
        <v>77</v>
      </c>
      <c r="B40" s="17"/>
      <c r="C40" s="13">
        <v>1226</v>
      </c>
      <c r="D40" s="19">
        <v>566</v>
      </c>
      <c r="E40" s="19">
        <v>660</v>
      </c>
      <c r="F40" s="19"/>
      <c r="G40" s="18" t="s">
        <v>78</v>
      </c>
      <c r="H40" s="17"/>
      <c r="I40" s="13">
        <v>2266</v>
      </c>
      <c r="J40" s="19">
        <v>943</v>
      </c>
      <c r="K40" s="19">
        <v>1323</v>
      </c>
    </row>
    <row r="41" spans="1:11" ht="20.100000000000001" customHeight="1">
      <c r="A41" s="17" t="s">
        <v>79</v>
      </c>
      <c r="B41" s="17"/>
      <c r="C41" s="13">
        <v>6770</v>
      </c>
      <c r="D41" s="14">
        <v>3280</v>
      </c>
      <c r="E41" s="14">
        <v>3490</v>
      </c>
      <c r="F41" s="14"/>
      <c r="G41" s="18" t="s">
        <v>80</v>
      </c>
      <c r="H41" s="17"/>
      <c r="I41" s="13">
        <v>9177</v>
      </c>
      <c r="J41" s="14">
        <v>3809</v>
      </c>
      <c r="K41" s="14">
        <v>5368</v>
      </c>
    </row>
    <row r="42" spans="1:11" ht="15" customHeight="1">
      <c r="A42" s="17" t="s">
        <v>81</v>
      </c>
      <c r="B42" s="17"/>
      <c r="C42" s="13">
        <v>1270</v>
      </c>
      <c r="D42" s="19">
        <v>626</v>
      </c>
      <c r="E42" s="19">
        <v>644</v>
      </c>
      <c r="F42" s="19"/>
      <c r="G42" s="18" t="s">
        <v>82</v>
      </c>
      <c r="H42" s="17"/>
      <c r="I42" s="13">
        <v>2174</v>
      </c>
      <c r="J42" s="19">
        <v>895</v>
      </c>
      <c r="K42" s="19">
        <v>1279</v>
      </c>
    </row>
    <row r="43" spans="1:11" ht="15" customHeight="1">
      <c r="A43" s="17" t="s">
        <v>83</v>
      </c>
      <c r="B43" s="17"/>
      <c r="C43" s="13">
        <v>1292</v>
      </c>
      <c r="D43" s="19">
        <v>616</v>
      </c>
      <c r="E43" s="19">
        <v>676</v>
      </c>
      <c r="F43" s="19"/>
      <c r="G43" s="18" t="s">
        <v>84</v>
      </c>
      <c r="H43" s="17"/>
      <c r="I43" s="13">
        <v>2023</v>
      </c>
      <c r="J43" s="19">
        <v>863</v>
      </c>
      <c r="K43" s="19">
        <v>1160</v>
      </c>
    </row>
    <row r="44" spans="1:11" ht="15" customHeight="1">
      <c r="A44" s="17" t="s">
        <v>85</v>
      </c>
      <c r="B44" s="17"/>
      <c r="C44" s="13">
        <v>1347</v>
      </c>
      <c r="D44" s="19">
        <v>660</v>
      </c>
      <c r="E44" s="19">
        <v>687</v>
      </c>
      <c r="F44" s="19"/>
      <c r="G44" s="18" t="s">
        <v>86</v>
      </c>
      <c r="H44" s="17"/>
      <c r="I44" s="13">
        <v>1671</v>
      </c>
      <c r="J44" s="19">
        <v>673</v>
      </c>
      <c r="K44" s="19">
        <v>998</v>
      </c>
    </row>
    <row r="45" spans="1:11" ht="15" customHeight="1">
      <c r="A45" s="17" t="s">
        <v>87</v>
      </c>
      <c r="B45" s="17"/>
      <c r="C45" s="13">
        <v>1411</v>
      </c>
      <c r="D45" s="19">
        <v>692</v>
      </c>
      <c r="E45" s="19">
        <v>719</v>
      </c>
      <c r="F45" s="19"/>
      <c r="G45" s="18" t="s">
        <v>88</v>
      </c>
      <c r="H45" s="17"/>
      <c r="I45" s="13">
        <v>1608</v>
      </c>
      <c r="J45" s="19">
        <v>674</v>
      </c>
      <c r="K45" s="19">
        <v>934</v>
      </c>
    </row>
    <row r="46" spans="1:11" ht="15" customHeight="1">
      <c r="A46" s="17" t="s">
        <v>89</v>
      </c>
      <c r="B46" s="17"/>
      <c r="C46" s="13">
        <v>1450</v>
      </c>
      <c r="D46" s="19">
        <v>686</v>
      </c>
      <c r="E46" s="19">
        <v>764</v>
      </c>
      <c r="F46" s="19"/>
      <c r="G46" s="18" t="s">
        <v>90</v>
      </c>
      <c r="H46" s="17"/>
      <c r="I46" s="13">
        <v>1701</v>
      </c>
      <c r="J46" s="19">
        <v>704</v>
      </c>
      <c r="K46" s="19">
        <v>997</v>
      </c>
    </row>
    <row r="47" spans="1:11" ht="20.100000000000001" customHeight="1">
      <c r="A47" s="17" t="s">
        <v>91</v>
      </c>
      <c r="B47" s="17"/>
      <c r="C47" s="13">
        <v>8606</v>
      </c>
      <c r="D47" s="14">
        <v>4191</v>
      </c>
      <c r="E47" s="14">
        <v>4415</v>
      </c>
      <c r="F47" s="14"/>
      <c r="G47" s="18" t="s">
        <v>92</v>
      </c>
      <c r="H47" s="17"/>
      <c r="I47" s="13">
        <v>6732</v>
      </c>
      <c r="J47" s="14">
        <v>2632</v>
      </c>
      <c r="K47" s="14">
        <v>4100</v>
      </c>
    </row>
    <row r="48" spans="1:11" ht="15" customHeight="1">
      <c r="A48" s="17" t="s">
        <v>93</v>
      </c>
      <c r="B48" s="17"/>
      <c r="C48" s="13">
        <v>1579</v>
      </c>
      <c r="D48" s="19">
        <v>779</v>
      </c>
      <c r="E48" s="19">
        <v>800</v>
      </c>
      <c r="F48" s="19"/>
      <c r="G48" s="18" t="s">
        <v>94</v>
      </c>
      <c r="H48" s="17"/>
      <c r="I48" s="13">
        <v>1526</v>
      </c>
      <c r="J48" s="19">
        <v>611</v>
      </c>
      <c r="K48" s="19">
        <v>915</v>
      </c>
    </row>
    <row r="49" spans="1:11" ht="15" customHeight="1">
      <c r="A49" s="17" t="s">
        <v>95</v>
      </c>
      <c r="B49" s="17"/>
      <c r="C49" s="13">
        <v>1618</v>
      </c>
      <c r="D49" s="19">
        <v>801</v>
      </c>
      <c r="E49" s="19">
        <v>817</v>
      </c>
      <c r="F49" s="19"/>
      <c r="G49" s="18" t="s">
        <v>96</v>
      </c>
      <c r="H49" s="17"/>
      <c r="I49" s="13">
        <v>1540</v>
      </c>
      <c r="J49" s="19">
        <v>624</v>
      </c>
      <c r="K49" s="19">
        <v>916</v>
      </c>
    </row>
    <row r="50" spans="1:11" ht="15" customHeight="1">
      <c r="A50" s="17" t="s">
        <v>97</v>
      </c>
      <c r="B50" s="17"/>
      <c r="C50" s="13">
        <v>1765</v>
      </c>
      <c r="D50" s="19">
        <v>841</v>
      </c>
      <c r="E50" s="19">
        <v>924</v>
      </c>
      <c r="F50" s="19"/>
      <c r="G50" s="18" t="s">
        <v>98</v>
      </c>
      <c r="H50" s="17"/>
      <c r="I50" s="13">
        <v>1304</v>
      </c>
      <c r="J50" s="19">
        <v>529</v>
      </c>
      <c r="K50" s="19">
        <v>775</v>
      </c>
    </row>
    <row r="51" spans="1:11" ht="15" customHeight="1">
      <c r="A51" s="17" t="s">
        <v>99</v>
      </c>
      <c r="B51" s="17"/>
      <c r="C51" s="13">
        <v>1831</v>
      </c>
      <c r="D51" s="19">
        <v>875</v>
      </c>
      <c r="E51" s="19">
        <v>956</v>
      </c>
      <c r="F51" s="19"/>
      <c r="G51" s="18" t="s">
        <v>100</v>
      </c>
      <c r="H51" s="17"/>
      <c r="I51" s="13">
        <v>1285</v>
      </c>
      <c r="J51" s="19">
        <v>478</v>
      </c>
      <c r="K51" s="19">
        <v>807</v>
      </c>
    </row>
    <row r="52" spans="1:11" ht="15" customHeight="1">
      <c r="A52" s="17" t="s">
        <v>101</v>
      </c>
      <c r="B52" s="17"/>
      <c r="C52" s="13">
        <v>1813</v>
      </c>
      <c r="D52" s="19">
        <v>895</v>
      </c>
      <c r="E52" s="19">
        <v>918</v>
      </c>
      <c r="F52" s="19"/>
      <c r="G52" s="18" t="s">
        <v>102</v>
      </c>
      <c r="H52" s="17"/>
      <c r="I52" s="13">
        <v>1077</v>
      </c>
      <c r="J52" s="19">
        <v>390</v>
      </c>
      <c r="K52" s="19">
        <v>687</v>
      </c>
    </row>
    <row r="53" spans="1:11" ht="20.100000000000001" customHeight="1">
      <c r="A53" s="17" t="s">
        <v>103</v>
      </c>
      <c r="B53" s="17"/>
      <c r="C53" s="13">
        <v>11066</v>
      </c>
      <c r="D53" s="14">
        <v>5229</v>
      </c>
      <c r="E53" s="14">
        <v>5837</v>
      </c>
      <c r="F53" s="14"/>
      <c r="G53" s="18" t="s">
        <v>104</v>
      </c>
      <c r="H53" s="17"/>
      <c r="I53" s="13">
        <v>3373</v>
      </c>
      <c r="J53" s="14">
        <v>1016</v>
      </c>
      <c r="K53" s="14">
        <v>2357</v>
      </c>
    </row>
    <row r="54" spans="1:11" ht="15" customHeight="1">
      <c r="A54" s="17" t="s">
        <v>105</v>
      </c>
      <c r="B54" s="17"/>
      <c r="C54" s="13">
        <v>1964</v>
      </c>
      <c r="D54" s="19">
        <v>916</v>
      </c>
      <c r="E54" s="19">
        <v>1048</v>
      </c>
      <c r="F54" s="19"/>
      <c r="G54" s="18" t="s">
        <v>106</v>
      </c>
      <c r="H54" s="17"/>
      <c r="I54" s="13">
        <v>863</v>
      </c>
      <c r="J54" s="19">
        <v>289</v>
      </c>
      <c r="K54" s="19">
        <v>574</v>
      </c>
    </row>
    <row r="55" spans="1:11" ht="15" customHeight="1">
      <c r="A55" s="17" t="s">
        <v>107</v>
      </c>
      <c r="B55" s="17"/>
      <c r="C55" s="13">
        <v>2038</v>
      </c>
      <c r="D55" s="19">
        <v>958</v>
      </c>
      <c r="E55" s="19">
        <v>1080</v>
      </c>
      <c r="F55" s="19"/>
      <c r="G55" s="18" t="s">
        <v>108</v>
      </c>
      <c r="H55" s="17"/>
      <c r="I55" s="13">
        <v>828</v>
      </c>
      <c r="J55" s="19">
        <v>275</v>
      </c>
      <c r="K55" s="19">
        <v>553</v>
      </c>
    </row>
    <row r="56" spans="1:11" ht="15" customHeight="1">
      <c r="A56" s="17" t="s">
        <v>109</v>
      </c>
      <c r="B56" s="17"/>
      <c r="C56" s="13">
        <v>2289</v>
      </c>
      <c r="D56" s="19">
        <v>1072</v>
      </c>
      <c r="E56" s="19">
        <v>1217</v>
      </c>
      <c r="F56" s="19"/>
      <c r="G56" s="18" t="s">
        <v>110</v>
      </c>
      <c r="H56" s="17"/>
      <c r="I56" s="13">
        <v>695</v>
      </c>
      <c r="J56" s="19">
        <v>189</v>
      </c>
      <c r="K56" s="19">
        <v>506</v>
      </c>
    </row>
    <row r="57" spans="1:11" ht="15" customHeight="1">
      <c r="A57" s="17" t="s">
        <v>111</v>
      </c>
      <c r="B57" s="17"/>
      <c r="C57" s="13">
        <v>2351</v>
      </c>
      <c r="D57" s="19">
        <v>1131</v>
      </c>
      <c r="E57" s="19">
        <v>1220</v>
      </c>
      <c r="F57" s="19"/>
      <c r="G57" s="18" t="s">
        <v>112</v>
      </c>
      <c r="H57" s="17"/>
      <c r="I57" s="13">
        <v>572</v>
      </c>
      <c r="J57" s="19">
        <v>159</v>
      </c>
      <c r="K57" s="19">
        <v>413</v>
      </c>
    </row>
    <row r="58" spans="1:11" ht="15" customHeight="1">
      <c r="A58" s="17" t="s">
        <v>113</v>
      </c>
      <c r="B58" s="17"/>
      <c r="C58" s="13">
        <v>2424</v>
      </c>
      <c r="D58" s="19">
        <v>1152</v>
      </c>
      <c r="E58" s="19">
        <v>1272</v>
      </c>
      <c r="F58" s="19"/>
      <c r="G58" s="18" t="s">
        <v>114</v>
      </c>
      <c r="H58" s="17"/>
      <c r="I58" s="13">
        <v>415</v>
      </c>
      <c r="J58" s="19">
        <v>104</v>
      </c>
      <c r="K58" s="19">
        <v>311</v>
      </c>
    </row>
    <row r="59" spans="1:11" ht="20.100000000000001" customHeight="1">
      <c r="A59" s="17" t="s">
        <v>115</v>
      </c>
      <c r="B59" s="17"/>
      <c r="C59" s="13">
        <v>14339</v>
      </c>
      <c r="D59" s="14">
        <v>6829</v>
      </c>
      <c r="E59" s="14">
        <v>7510</v>
      </c>
      <c r="F59" s="14"/>
      <c r="G59" s="18" t="s">
        <v>116</v>
      </c>
      <c r="H59" s="17"/>
      <c r="I59" s="13">
        <v>930</v>
      </c>
      <c r="J59" s="14">
        <v>231</v>
      </c>
      <c r="K59" s="14">
        <v>699</v>
      </c>
    </row>
    <row r="60" spans="1:11" ht="15" customHeight="1">
      <c r="A60" s="17" t="s">
        <v>117</v>
      </c>
      <c r="B60" s="17"/>
      <c r="C60" s="13">
        <v>2601</v>
      </c>
      <c r="D60" s="19">
        <v>1215</v>
      </c>
      <c r="E60" s="19">
        <v>1386</v>
      </c>
      <c r="F60" s="19"/>
      <c r="G60" s="18" t="s">
        <v>118</v>
      </c>
      <c r="H60" s="17"/>
      <c r="I60" s="13">
        <v>330</v>
      </c>
      <c r="J60" s="19">
        <v>99</v>
      </c>
      <c r="K60" s="19">
        <v>231</v>
      </c>
    </row>
    <row r="61" spans="1:11" ht="15" customHeight="1">
      <c r="A61" s="17" t="s">
        <v>119</v>
      </c>
      <c r="B61" s="17"/>
      <c r="C61" s="13">
        <v>2632</v>
      </c>
      <c r="D61" s="19">
        <v>1279</v>
      </c>
      <c r="E61" s="19">
        <v>1353</v>
      </c>
      <c r="F61" s="19"/>
      <c r="G61" s="18" t="s">
        <v>120</v>
      </c>
      <c r="H61" s="17"/>
      <c r="I61" s="13">
        <v>236</v>
      </c>
      <c r="J61" s="19">
        <v>53</v>
      </c>
      <c r="K61" s="19">
        <v>183</v>
      </c>
    </row>
    <row r="62" spans="1:11" ht="15" customHeight="1">
      <c r="A62" s="17" t="s">
        <v>121</v>
      </c>
      <c r="B62" s="17"/>
      <c r="C62" s="13">
        <v>2856</v>
      </c>
      <c r="D62" s="19">
        <v>1381</v>
      </c>
      <c r="E62" s="19">
        <v>1475</v>
      </c>
      <c r="F62" s="19"/>
      <c r="G62" s="18" t="s">
        <v>122</v>
      </c>
      <c r="H62" s="17"/>
      <c r="I62" s="13">
        <v>180</v>
      </c>
      <c r="J62" s="19">
        <v>42</v>
      </c>
      <c r="K62" s="19">
        <v>138</v>
      </c>
    </row>
    <row r="63" spans="1:11" ht="15" customHeight="1">
      <c r="A63" s="17" t="s">
        <v>123</v>
      </c>
      <c r="B63" s="17"/>
      <c r="C63" s="13">
        <v>3137</v>
      </c>
      <c r="D63" s="19">
        <v>1468</v>
      </c>
      <c r="E63" s="19">
        <v>1669</v>
      </c>
      <c r="F63" s="19"/>
      <c r="G63" s="18" t="s">
        <v>124</v>
      </c>
      <c r="H63" s="17"/>
      <c r="I63" s="13">
        <v>102</v>
      </c>
      <c r="J63" s="19">
        <v>23</v>
      </c>
      <c r="K63" s="19">
        <v>79</v>
      </c>
    </row>
    <row r="64" spans="1:11" ht="15" customHeight="1">
      <c r="A64" s="17" t="s">
        <v>125</v>
      </c>
      <c r="B64" s="17"/>
      <c r="C64" s="13">
        <v>3113</v>
      </c>
      <c r="D64" s="19">
        <v>1486</v>
      </c>
      <c r="E64" s="19">
        <v>1627</v>
      </c>
      <c r="F64" s="19"/>
      <c r="G64" s="18" t="s">
        <v>126</v>
      </c>
      <c r="H64" s="17"/>
      <c r="I64" s="13">
        <v>82</v>
      </c>
      <c r="J64" s="19">
        <v>14</v>
      </c>
      <c r="K64" s="19">
        <v>68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75</v>
      </c>
      <c r="J65" s="19">
        <v>22</v>
      </c>
      <c r="K65" s="19">
        <v>153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889</v>
      </c>
      <c r="J66" s="27">
        <v>370</v>
      </c>
      <c r="K66" s="27">
        <v>519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0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56869</v>
      </c>
      <c r="D4" s="14">
        <v>26654</v>
      </c>
      <c r="E4" s="14">
        <v>3021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704</v>
      </c>
      <c r="D5" s="14">
        <v>887</v>
      </c>
      <c r="E5" s="14">
        <v>817</v>
      </c>
      <c r="F5" s="14"/>
      <c r="G5" s="18" t="s">
        <v>8</v>
      </c>
      <c r="H5" s="17"/>
      <c r="I5" s="13">
        <v>4981</v>
      </c>
      <c r="J5" s="14">
        <v>2380</v>
      </c>
      <c r="K5" s="14">
        <v>2601</v>
      </c>
    </row>
    <row r="6" spans="1:11" ht="15" customHeight="1">
      <c r="A6" s="17" t="s">
        <v>9</v>
      </c>
      <c r="B6" s="17"/>
      <c r="C6" s="13">
        <v>349</v>
      </c>
      <c r="D6" s="19">
        <v>184</v>
      </c>
      <c r="E6" s="19">
        <v>165</v>
      </c>
      <c r="F6" s="19"/>
      <c r="G6" s="18" t="s">
        <v>10</v>
      </c>
      <c r="H6" s="17"/>
      <c r="I6" s="13">
        <v>1036</v>
      </c>
      <c r="J6" s="19">
        <v>496</v>
      </c>
      <c r="K6" s="19">
        <v>540</v>
      </c>
    </row>
    <row r="7" spans="1:11" ht="15" customHeight="1">
      <c r="A7" s="17" t="s">
        <v>11</v>
      </c>
      <c r="B7" s="17"/>
      <c r="C7" s="13">
        <v>276</v>
      </c>
      <c r="D7" s="19">
        <v>150</v>
      </c>
      <c r="E7" s="19">
        <v>126</v>
      </c>
      <c r="F7" s="19"/>
      <c r="G7" s="18" t="s">
        <v>12</v>
      </c>
      <c r="H7" s="17"/>
      <c r="I7" s="13">
        <v>1018</v>
      </c>
      <c r="J7" s="19">
        <v>472</v>
      </c>
      <c r="K7" s="19">
        <v>546</v>
      </c>
    </row>
    <row r="8" spans="1:11" ht="15" customHeight="1">
      <c r="A8" s="17" t="s">
        <v>13</v>
      </c>
      <c r="B8" s="17"/>
      <c r="C8" s="13">
        <v>345</v>
      </c>
      <c r="D8" s="19">
        <v>174</v>
      </c>
      <c r="E8" s="19">
        <v>171</v>
      </c>
      <c r="F8" s="19"/>
      <c r="G8" s="18" t="s">
        <v>14</v>
      </c>
      <c r="H8" s="17"/>
      <c r="I8" s="13">
        <v>928</v>
      </c>
      <c r="J8" s="19">
        <v>441</v>
      </c>
      <c r="K8" s="19">
        <v>487</v>
      </c>
    </row>
    <row r="9" spans="1:11" ht="15" customHeight="1">
      <c r="A9" s="17" t="s">
        <v>15</v>
      </c>
      <c r="B9" s="17"/>
      <c r="C9" s="13">
        <v>387</v>
      </c>
      <c r="D9" s="19">
        <v>204</v>
      </c>
      <c r="E9" s="19">
        <v>183</v>
      </c>
      <c r="F9" s="19"/>
      <c r="G9" s="18" t="s">
        <v>16</v>
      </c>
      <c r="H9" s="17"/>
      <c r="I9" s="13">
        <v>960</v>
      </c>
      <c r="J9" s="19">
        <v>454</v>
      </c>
      <c r="K9" s="19">
        <v>506</v>
      </c>
    </row>
    <row r="10" spans="1:11" ht="15" customHeight="1">
      <c r="A10" s="17" t="s">
        <v>17</v>
      </c>
      <c r="B10" s="17"/>
      <c r="C10" s="13">
        <v>347</v>
      </c>
      <c r="D10" s="19">
        <v>175</v>
      </c>
      <c r="E10" s="19">
        <v>172</v>
      </c>
      <c r="F10" s="19"/>
      <c r="G10" s="18" t="s">
        <v>18</v>
      </c>
      <c r="H10" s="17"/>
      <c r="I10" s="13">
        <v>1039</v>
      </c>
      <c r="J10" s="19">
        <v>517</v>
      </c>
      <c r="K10" s="19">
        <v>522</v>
      </c>
    </row>
    <row r="11" spans="1:11" ht="20.100000000000001" customHeight="1">
      <c r="A11" s="17" t="s">
        <v>19</v>
      </c>
      <c r="B11" s="17"/>
      <c r="C11" s="13">
        <v>2166</v>
      </c>
      <c r="D11" s="14">
        <v>1127</v>
      </c>
      <c r="E11" s="14">
        <v>1039</v>
      </c>
      <c r="F11" s="14"/>
      <c r="G11" s="18" t="s">
        <v>20</v>
      </c>
      <c r="H11" s="17"/>
      <c r="I11" s="13">
        <v>4068</v>
      </c>
      <c r="J11" s="14">
        <v>2032</v>
      </c>
      <c r="K11" s="14">
        <v>2036</v>
      </c>
    </row>
    <row r="12" spans="1:11" ht="15" customHeight="1">
      <c r="A12" s="17" t="s">
        <v>21</v>
      </c>
      <c r="B12" s="17"/>
      <c r="C12" s="13">
        <v>383</v>
      </c>
      <c r="D12" s="19">
        <v>180</v>
      </c>
      <c r="E12" s="19">
        <v>203</v>
      </c>
      <c r="F12" s="19"/>
      <c r="G12" s="18" t="s">
        <v>22</v>
      </c>
      <c r="H12" s="17"/>
      <c r="I12" s="13">
        <v>737</v>
      </c>
      <c r="J12" s="19">
        <v>359</v>
      </c>
      <c r="K12" s="19">
        <v>378</v>
      </c>
    </row>
    <row r="13" spans="1:11" ht="15" customHeight="1">
      <c r="A13" s="17" t="s">
        <v>23</v>
      </c>
      <c r="B13" s="17"/>
      <c r="C13" s="13">
        <v>453</v>
      </c>
      <c r="D13" s="19">
        <v>248</v>
      </c>
      <c r="E13" s="19">
        <v>205</v>
      </c>
      <c r="F13" s="19"/>
      <c r="G13" s="18" t="s">
        <v>24</v>
      </c>
      <c r="H13" s="17"/>
      <c r="I13" s="13">
        <v>915</v>
      </c>
      <c r="J13" s="19">
        <v>471</v>
      </c>
      <c r="K13" s="19">
        <v>444</v>
      </c>
    </row>
    <row r="14" spans="1:11" ht="15" customHeight="1">
      <c r="A14" s="17" t="s">
        <v>25</v>
      </c>
      <c r="B14" s="17"/>
      <c r="C14" s="13">
        <v>418</v>
      </c>
      <c r="D14" s="19">
        <v>212</v>
      </c>
      <c r="E14" s="19">
        <v>206</v>
      </c>
      <c r="F14" s="19"/>
      <c r="G14" s="18" t="s">
        <v>26</v>
      </c>
      <c r="H14" s="17"/>
      <c r="I14" s="13">
        <v>802</v>
      </c>
      <c r="J14" s="19">
        <v>405</v>
      </c>
      <c r="K14" s="19">
        <v>397</v>
      </c>
    </row>
    <row r="15" spans="1:11" ht="15" customHeight="1">
      <c r="A15" s="17" t="s">
        <v>27</v>
      </c>
      <c r="B15" s="17"/>
      <c r="C15" s="13">
        <v>465</v>
      </c>
      <c r="D15" s="19">
        <v>241</v>
      </c>
      <c r="E15" s="19">
        <v>224</v>
      </c>
      <c r="F15" s="19"/>
      <c r="G15" s="18" t="s">
        <v>28</v>
      </c>
      <c r="H15" s="17"/>
      <c r="I15" s="13">
        <v>825</v>
      </c>
      <c r="J15" s="19">
        <v>407</v>
      </c>
      <c r="K15" s="19">
        <v>418</v>
      </c>
    </row>
    <row r="16" spans="1:11" ht="15" customHeight="1">
      <c r="A16" s="17" t="s">
        <v>29</v>
      </c>
      <c r="B16" s="17"/>
      <c r="C16" s="13">
        <v>447</v>
      </c>
      <c r="D16" s="19">
        <v>246</v>
      </c>
      <c r="E16" s="19">
        <v>201</v>
      </c>
      <c r="F16" s="19"/>
      <c r="G16" s="18" t="s">
        <v>30</v>
      </c>
      <c r="H16" s="17"/>
      <c r="I16" s="13">
        <v>789</v>
      </c>
      <c r="J16" s="19">
        <v>390</v>
      </c>
      <c r="K16" s="19">
        <v>399</v>
      </c>
    </row>
    <row r="17" spans="1:11" ht="20.100000000000001" customHeight="1">
      <c r="A17" s="20" t="s">
        <v>31</v>
      </c>
      <c r="B17" s="20"/>
      <c r="C17" s="13">
        <v>2383</v>
      </c>
      <c r="D17" s="14">
        <v>1186</v>
      </c>
      <c r="E17" s="14">
        <v>1197</v>
      </c>
      <c r="F17" s="14"/>
      <c r="G17" s="18" t="s">
        <v>32</v>
      </c>
      <c r="H17" s="17"/>
      <c r="I17" s="13">
        <v>3400</v>
      </c>
      <c r="J17" s="14">
        <v>1666</v>
      </c>
      <c r="K17" s="14">
        <v>1734</v>
      </c>
    </row>
    <row r="18" spans="1:11" ht="15" customHeight="1">
      <c r="A18" s="17" t="s">
        <v>33</v>
      </c>
      <c r="B18" s="17"/>
      <c r="C18" s="13">
        <v>473</v>
      </c>
      <c r="D18" s="19">
        <v>245</v>
      </c>
      <c r="E18" s="19">
        <v>228</v>
      </c>
      <c r="F18" s="19"/>
      <c r="G18" s="18" t="s">
        <v>34</v>
      </c>
      <c r="H18" s="17"/>
      <c r="I18" s="13">
        <v>729</v>
      </c>
      <c r="J18" s="19">
        <v>364</v>
      </c>
      <c r="K18" s="19">
        <v>365</v>
      </c>
    </row>
    <row r="19" spans="1:11" ht="15" customHeight="1">
      <c r="A19" s="17" t="s">
        <v>35</v>
      </c>
      <c r="B19" s="17"/>
      <c r="C19" s="13">
        <v>468</v>
      </c>
      <c r="D19" s="19">
        <v>238</v>
      </c>
      <c r="E19" s="19">
        <v>230</v>
      </c>
      <c r="F19" s="19"/>
      <c r="G19" s="18" t="s">
        <v>36</v>
      </c>
      <c r="H19" s="17"/>
      <c r="I19" s="13">
        <v>695</v>
      </c>
      <c r="J19" s="19">
        <v>347</v>
      </c>
      <c r="K19" s="19">
        <v>348</v>
      </c>
    </row>
    <row r="20" spans="1:11" ht="15" customHeight="1">
      <c r="A20" s="17" t="s">
        <v>37</v>
      </c>
      <c r="B20" s="17"/>
      <c r="C20" s="13">
        <v>480</v>
      </c>
      <c r="D20" s="19">
        <v>233</v>
      </c>
      <c r="E20" s="19">
        <v>247</v>
      </c>
      <c r="F20" s="19"/>
      <c r="G20" s="18" t="s">
        <v>38</v>
      </c>
      <c r="H20" s="17"/>
      <c r="I20" s="13">
        <v>687</v>
      </c>
      <c r="J20" s="19">
        <v>339</v>
      </c>
      <c r="K20" s="19">
        <v>348</v>
      </c>
    </row>
    <row r="21" spans="1:11" ht="15" customHeight="1">
      <c r="A21" s="17" t="s">
        <v>39</v>
      </c>
      <c r="B21" s="17"/>
      <c r="C21" s="13">
        <v>473</v>
      </c>
      <c r="D21" s="19">
        <v>229</v>
      </c>
      <c r="E21" s="19">
        <v>244</v>
      </c>
      <c r="F21" s="19"/>
      <c r="G21" s="18" t="s">
        <v>40</v>
      </c>
      <c r="H21" s="17"/>
      <c r="I21" s="13">
        <v>669</v>
      </c>
      <c r="J21" s="19">
        <v>310</v>
      </c>
      <c r="K21" s="19">
        <v>359</v>
      </c>
    </row>
    <row r="22" spans="1:11" ht="15" customHeight="1">
      <c r="A22" s="17" t="s">
        <v>41</v>
      </c>
      <c r="B22" s="17"/>
      <c r="C22" s="13">
        <v>489</v>
      </c>
      <c r="D22" s="19">
        <v>241</v>
      </c>
      <c r="E22" s="19">
        <v>248</v>
      </c>
      <c r="F22" s="19"/>
      <c r="G22" s="18" t="s">
        <v>42</v>
      </c>
      <c r="H22" s="17"/>
      <c r="I22" s="13">
        <v>620</v>
      </c>
      <c r="J22" s="19">
        <v>306</v>
      </c>
      <c r="K22" s="19">
        <v>314</v>
      </c>
    </row>
    <row r="23" spans="1:11" ht="20.100000000000001" customHeight="1">
      <c r="A23" s="17" t="s">
        <v>43</v>
      </c>
      <c r="B23" s="17"/>
      <c r="C23" s="13">
        <v>2380</v>
      </c>
      <c r="D23" s="14">
        <v>1216</v>
      </c>
      <c r="E23" s="14">
        <v>1164</v>
      </c>
      <c r="F23" s="14"/>
      <c r="G23" s="18" t="s">
        <v>44</v>
      </c>
      <c r="H23" s="17"/>
      <c r="I23" s="13">
        <v>3073</v>
      </c>
      <c r="J23" s="14">
        <v>1448</v>
      </c>
      <c r="K23" s="14">
        <v>1625</v>
      </c>
    </row>
    <row r="24" spans="1:11" ht="15" customHeight="1">
      <c r="A24" s="17" t="s">
        <v>45</v>
      </c>
      <c r="B24" s="17"/>
      <c r="C24" s="13">
        <v>493</v>
      </c>
      <c r="D24" s="19">
        <v>246</v>
      </c>
      <c r="E24" s="19">
        <v>247</v>
      </c>
      <c r="F24" s="19"/>
      <c r="G24" s="18" t="s">
        <v>46</v>
      </c>
      <c r="H24" s="17"/>
      <c r="I24" s="13">
        <v>561</v>
      </c>
      <c r="J24" s="19">
        <v>259</v>
      </c>
      <c r="K24" s="19">
        <v>302</v>
      </c>
    </row>
    <row r="25" spans="1:11" ht="15" customHeight="1">
      <c r="A25" s="17" t="s">
        <v>47</v>
      </c>
      <c r="B25" s="17"/>
      <c r="C25" s="13">
        <v>460</v>
      </c>
      <c r="D25" s="19">
        <v>218</v>
      </c>
      <c r="E25" s="19">
        <v>242</v>
      </c>
      <c r="F25" s="19"/>
      <c r="G25" s="18" t="s">
        <v>48</v>
      </c>
      <c r="H25" s="17"/>
      <c r="I25" s="13">
        <v>623</v>
      </c>
      <c r="J25" s="19">
        <v>296</v>
      </c>
      <c r="K25" s="19">
        <v>327</v>
      </c>
    </row>
    <row r="26" spans="1:11" ht="15" customHeight="1">
      <c r="A26" s="17" t="s">
        <v>49</v>
      </c>
      <c r="B26" s="17"/>
      <c r="C26" s="13">
        <v>478</v>
      </c>
      <c r="D26" s="19">
        <v>250</v>
      </c>
      <c r="E26" s="19">
        <v>228</v>
      </c>
      <c r="F26" s="19"/>
      <c r="G26" s="18" t="s">
        <v>50</v>
      </c>
      <c r="H26" s="17"/>
      <c r="I26" s="13">
        <v>644</v>
      </c>
      <c r="J26" s="19">
        <v>313</v>
      </c>
      <c r="K26" s="19">
        <v>331</v>
      </c>
    </row>
    <row r="27" spans="1:11" ht="15" customHeight="1">
      <c r="A27" s="17" t="s">
        <v>51</v>
      </c>
      <c r="B27" s="17"/>
      <c r="C27" s="13">
        <v>458</v>
      </c>
      <c r="D27" s="19">
        <v>240</v>
      </c>
      <c r="E27" s="19">
        <v>218</v>
      </c>
      <c r="F27" s="19"/>
      <c r="G27" s="18" t="s">
        <v>52</v>
      </c>
      <c r="H27" s="17"/>
      <c r="I27" s="13">
        <v>614</v>
      </c>
      <c r="J27" s="19">
        <v>278</v>
      </c>
      <c r="K27" s="19">
        <v>336</v>
      </c>
    </row>
    <row r="28" spans="1:11" ht="15" customHeight="1">
      <c r="A28" s="17" t="s">
        <v>53</v>
      </c>
      <c r="B28" s="17"/>
      <c r="C28" s="13">
        <v>491</v>
      </c>
      <c r="D28" s="19">
        <v>262</v>
      </c>
      <c r="E28" s="19">
        <v>229</v>
      </c>
      <c r="F28" s="19"/>
      <c r="G28" s="18" t="s">
        <v>54</v>
      </c>
      <c r="H28" s="17"/>
      <c r="I28" s="13">
        <v>631</v>
      </c>
      <c r="J28" s="19">
        <v>302</v>
      </c>
      <c r="K28" s="19">
        <v>329</v>
      </c>
    </row>
    <row r="29" spans="1:11" ht="20.100000000000001" customHeight="1">
      <c r="A29" s="17" t="s">
        <v>55</v>
      </c>
      <c r="B29" s="17"/>
      <c r="C29" s="13">
        <v>2165</v>
      </c>
      <c r="D29" s="14">
        <v>1085</v>
      </c>
      <c r="E29" s="14">
        <v>1080</v>
      </c>
      <c r="F29" s="14"/>
      <c r="G29" s="18" t="s">
        <v>56</v>
      </c>
      <c r="H29" s="17"/>
      <c r="I29" s="13">
        <v>4342</v>
      </c>
      <c r="J29" s="14">
        <v>1963</v>
      </c>
      <c r="K29" s="14">
        <v>2379</v>
      </c>
    </row>
    <row r="30" spans="1:11" ht="15" customHeight="1">
      <c r="A30" s="17" t="s">
        <v>57</v>
      </c>
      <c r="B30" s="17"/>
      <c r="C30" s="13">
        <v>477</v>
      </c>
      <c r="D30" s="19">
        <v>237</v>
      </c>
      <c r="E30" s="19">
        <v>240</v>
      </c>
      <c r="F30" s="19"/>
      <c r="G30" s="18" t="s">
        <v>58</v>
      </c>
      <c r="H30" s="17"/>
      <c r="I30" s="13">
        <v>677</v>
      </c>
      <c r="J30" s="19">
        <v>305</v>
      </c>
      <c r="K30" s="19">
        <v>372</v>
      </c>
    </row>
    <row r="31" spans="1:11" ht="15" customHeight="1">
      <c r="A31" s="17" t="s">
        <v>59</v>
      </c>
      <c r="B31" s="17"/>
      <c r="C31" s="13">
        <v>476</v>
      </c>
      <c r="D31" s="19">
        <v>247</v>
      </c>
      <c r="E31" s="19">
        <v>229</v>
      </c>
      <c r="F31" s="19"/>
      <c r="G31" s="18" t="s">
        <v>60</v>
      </c>
      <c r="H31" s="17"/>
      <c r="I31" s="13">
        <v>794</v>
      </c>
      <c r="J31" s="19">
        <v>374</v>
      </c>
      <c r="K31" s="19">
        <v>420</v>
      </c>
    </row>
    <row r="32" spans="1:11" ht="15" customHeight="1">
      <c r="A32" s="17" t="s">
        <v>61</v>
      </c>
      <c r="B32" s="17"/>
      <c r="C32" s="13">
        <v>443</v>
      </c>
      <c r="D32" s="19">
        <v>229</v>
      </c>
      <c r="E32" s="19">
        <v>214</v>
      </c>
      <c r="F32" s="19"/>
      <c r="G32" s="18" t="s">
        <v>62</v>
      </c>
      <c r="H32" s="17"/>
      <c r="I32" s="13">
        <v>953</v>
      </c>
      <c r="J32" s="19">
        <v>450</v>
      </c>
      <c r="K32" s="19">
        <v>503</v>
      </c>
    </row>
    <row r="33" spans="1:11" ht="15" customHeight="1">
      <c r="A33" s="17" t="s">
        <v>63</v>
      </c>
      <c r="B33" s="17"/>
      <c r="C33" s="13">
        <v>401</v>
      </c>
      <c r="D33" s="19">
        <v>200</v>
      </c>
      <c r="E33" s="19">
        <v>201</v>
      </c>
      <c r="F33" s="19"/>
      <c r="G33" s="18" t="s">
        <v>64</v>
      </c>
      <c r="H33" s="17"/>
      <c r="I33" s="13">
        <v>954</v>
      </c>
      <c r="J33" s="19">
        <v>418</v>
      </c>
      <c r="K33" s="19">
        <v>536</v>
      </c>
    </row>
    <row r="34" spans="1:11" ht="15" customHeight="1">
      <c r="A34" s="17" t="s">
        <v>65</v>
      </c>
      <c r="B34" s="17"/>
      <c r="C34" s="13">
        <v>368</v>
      </c>
      <c r="D34" s="19">
        <v>172</v>
      </c>
      <c r="E34" s="19">
        <v>196</v>
      </c>
      <c r="F34" s="19"/>
      <c r="G34" s="18" t="s">
        <v>66</v>
      </c>
      <c r="H34" s="17"/>
      <c r="I34" s="13">
        <v>964</v>
      </c>
      <c r="J34" s="19">
        <v>416</v>
      </c>
      <c r="K34" s="19">
        <v>548</v>
      </c>
    </row>
    <row r="35" spans="1:11" ht="20.100000000000001" customHeight="1">
      <c r="A35" s="17" t="s">
        <v>67</v>
      </c>
      <c r="B35" s="17"/>
      <c r="C35" s="13">
        <v>1705</v>
      </c>
      <c r="D35" s="14">
        <v>842</v>
      </c>
      <c r="E35" s="14">
        <v>863</v>
      </c>
      <c r="F35" s="14"/>
      <c r="G35" s="18" t="s">
        <v>68</v>
      </c>
      <c r="H35" s="17"/>
      <c r="I35" s="13">
        <v>3626</v>
      </c>
      <c r="J35" s="14">
        <v>1534</v>
      </c>
      <c r="K35" s="14">
        <v>2092</v>
      </c>
    </row>
    <row r="36" spans="1:11" ht="15" customHeight="1">
      <c r="A36" s="17" t="s">
        <v>69</v>
      </c>
      <c r="B36" s="17"/>
      <c r="C36" s="13">
        <v>380</v>
      </c>
      <c r="D36" s="19">
        <v>198</v>
      </c>
      <c r="E36" s="19">
        <v>182</v>
      </c>
      <c r="F36" s="19"/>
      <c r="G36" s="18" t="s">
        <v>70</v>
      </c>
      <c r="H36" s="17"/>
      <c r="I36" s="13">
        <v>679</v>
      </c>
      <c r="J36" s="19">
        <v>295</v>
      </c>
      <c r="K36" s="19">
        <v>384</v>
      </c>
    </row>
    <row r="37" spans="1:11" ht="15" customHeight="1">
      <c r="A37" s="17" t="s">
        <v>71</v>
      </c>
      <c r="B37" s="17"/>
      <c r="C37" s="13">
        <v>330</v>
      </c>
      <c r="D37" s="19">
        <v>150</v>
      </c>
      <c r="E37" s="19">
        <v>180</v>
      </c>
      <c r="F37" s="19"/>
      <c r="G37" s="18" t="s">
        <v>72</v>
      </c>
      <c r="H37" s="17"/>
      <c r="I37" s="13">
        <v>621</v>
      </c>
      <c r="J37" s="19">
        <v>265</v>
      </c>
      <c r="K37" s="19">
        <v>356</v>
      </c>
    </row>
    <row r="38" spans="1:11" ht="15" customHeight="1">
      <c r="A38" s="17" t="s">
        <v>73</v>
      </c>
      <c r="B38" s="17"/>
      <c r="C38" s="13">
        <v>330</v>
      </c>
      <c r="D38" s="19">
        <v>164</v>
      </c>
      <c r="E38" s="19">
        <v>166</v>
      </c>
      <c r="F38" s="19"/>
      <c r="G38" s="18" t="s">
        <v>74</v>
      </c>
      <c r="H38" s="17"/>
      <c r="I38" s="13">
        <v>728</v>
      </c>
      <c r="J38" s="19">
        <v>292</v>
      </c>
      <c r="K38" s="19">
        <v>436</v>
      </c>
    </row>
    <row r="39" spans="1:11" ht="15" customHeight="1">
      <c r="A39" s="17" t="s">
        <v>75</v>
      </c>
      <c r="B39" s="17"/>
      <c r="C39" s="13">
        <v>325</v>
      </c>
      <c r="D39" s="19">
        <v>157</v>
      </c>
      <c r="E39" s="19">
        <v>168</v>
      </c>
      <c r="F39" s="19"/>
      <c r="G39" s="18" t="s">
        <v>76</v>
      </c>
      <c r="H39" s="17"/>
      <c r="I39" s="13">
        <v>839</v>
      </c>
      <c r="J39" s="19">
        <v>358</v>
      </c>
      <c r="K39" s="19">
        <v>481</v>
      </c>
    </row>
    <row r="40" spans="1:11" ht="15" customHeight="1">
      <c r="A40" s="17" t="s">
        <v>77</v>
      </c>
      <c r="B40" s="17"/>
      <c r="C40" s="13">
        <v>340</v>
      </c>
      <c r="D40" s="19">
        <v>173</v>
      </c>
      <c r="E40" s="19">
        <v>167</v>
      </c>
      <c r="F40" s="19"/>
      <c r="G40" s="18" t="s">
        <v>78</v>
      </c>
      <c r="H40" s="17"/>
      <c r="I40" s="13">
        <v>759</v>
      </c>
      <c r="J40" s="19">
        <v>324</v>
      </c>
      <c r="K40" s="19">
        <v>435</v>
      </c>
    </row>
    <row r="41" spans="1:11" ht="20.100000000000001" customHeight="1">
      <c r="A41" s="17" t="s">
        <v>79</v>
      </c>
      <c r="B41" s="17"/>
      <c r="C41" s="13">
        <v>1973</v>
      </c>
      <c r="D41" s="14">
        <v>928</v>
      </c>
      <c r="E41" s="14">
        <v>1045</v>
      </c>
      <c r="F41" s="14"/>
      <c r="G41" s="18" t="s">
        <v>80</v>
      </c>
      <c r="H41" s="17"/>
      <c r="I41" s="13">
        <v>3141</v>
      </c>
      <c r="J41" s="14">
        <v>1309</v>
      </c>
      <c r="K41" s="14">
        <v>1832</v>
      </c>
    </row>
    <row r="42" spans="1:11" ht="15" customHeight="1">
      <c r="A42" s="17" t="s">
        <v>81</v>
      </c>
      <c r="B42" s="17"/>
      <c r="C42" s="13">
        <v>362</v>
      </c>
      <c r="D42" s="19">
        <v>164</v>
      </c>
      <c r="E42" s="19">
        <v>198</v>
      </c>
      <c r="F42" s="19"/>
      <c r="G42" s="18" t="s">
        <v>82</v>
      </c>
      <c r="H42" s="17"/>
      <c r="I42" s="13">
        <v>784</v>
      </c>
      <c r="J42" s="19">
        <v>331</v>
      </c>
      <c r="K42" s="19">
        <v>453</v>
      </c>
    </row>
    <row r="43" spans="1:11" ht="15" customHeight="1">
      <c r="A43" s="17" t="s">
        <v>83</v>
      </c>
      <c r="B43" s="17"/>
      <c r="C43" s="13">
        <v>319</v>
      </c>
      <c r="D43" s="19">
        <v>160</v>
      </c>
      <c r="E43" s="19">
        <v>159</v>
      </c>
      <c r="F43" s="19"/>
      <c r="G43" s="18" t="s">
        <v>84</v>
      </c>
      <c r="H43" s="17"/>
      <c r="I43" s="13">
        <v>673</v>
      </c>
      <c r="J43" s="19">
        <v>283</v>
      </c>
      <c r="K43" s="19">
        <v>390</v>
      </c>
    </row>
    <row r="44" spans="1:11" ht="15" customHeight="1">
      <c r="A44" s="17" t="s">
        <v>85</v>
      </c>
      <c r="B44" s="17"/>
      <c r="C44" s="13">
        <v>390</v>
      </c>
      <c r="D44" s="19">
        <v>177</v>
      </c>
      <c r="E44" s="19">
        <v>213</v>
      </c>
      <c r="F44" s="19"/>
      <c r="G44" s="18" t="s">
        <v>86</v>
      </c>
      <c r="H44" s="17"/>
      <c r="I44" s="13">
        <v>574</v>
      </c>
      <c r="J44" s="19">
        <v>230</v>
      </c>
      <c r="K44" s="19">
        <v>344</v>
      </c>
    </row>
    <row r="45" spans="1:11" ht="15" customHeight="1">
      <c r="A45" s="17" t="s">
        <v>87</v>
      </c>
      <c r="B45" s="17"/>
      <c r="C45" s="13">
        <v>434</v>
      </c>
      <c r="D45" s="19">
        <v>212</v>
      </c>
      <c r="E45" s="19">
        <v>222</v>
      </c>
      <c r="F45" s="19"/>
      <c r="G45" s="18" t="s">
        <v>88</v>
      </c>
      <c r="H45" s="17"/>
      <c r="I45" s="13">
        <v>500</v>
      </c>
      <c r="J45" s="19">
        <v>206</v>
      </c>
      <c r="K45" s="19">
        <v>294</v>
      </c>
    </row>
    <row r="46" spans="1:11" ht="15" customHeight="1">
      <c r="A46" s="17" t="s">
        <v>89</v>
      </c>
      <c r="B46" s="17"/>
      <c r="C46" s="13">
        <v>468</v>
      </c>
      <c r="D46" s="19">
        <v>215</v>
      </c>
      <c r="E46" s="19">
        <v>253</v>
      </c>
      <c r="F46" s="19"/>
      <c r="G46" s="18" t="s">
        <v>90</v>
      </c>
      <c r="H46" s="17"/>
      <c r="I46" s="13">
        <v>610</v>
      </c>
      <c r="J46" s="19">
        <v>259</v>
      </c>
      <c r="K46" s="19">
        <v>351</v>
      </c>
    </row>
    <row r="47" spans="1:11" ht="20.100000000000001" customHeight="1">
      <c r="A47" s="17" t="s">
        <v>91</v>
      </c>
      <c r="B47" s="17"/>
      <c r="C47" s="13">
        <v>2586</v>
      </c>
      <c r="D47" s="14">
        <v>1177</v>
      </c>
      <c r="E47" s="14">
        <v>1409</v>
      </c>
      <c r="F47" s="14"/>
      <c r="G47" s="18" t="s">
        <v>92</v>
      </c>
      <c r="H47" s="17"/>
      <c r="I47" s="13">
        <v>2247</v>
      </c>
      <c r="J47" s="14">
        <v>842</v>
      </c>
      <c r="K47" s="14">
        <v>1405</v>
      </c>
    </row>
    <row r="48" spans="1:11" ht="15" customHeight="1">
      <c r="A48" s="17" t="s">
        <v>93</v>
      </c>
      <c r="B48" s="17"/>
      <c r="C48" s="13">
        <v>420</v>
      </c>
      <c r="D48" s="19">
        <v>183</v>
      </c>
      <c r="E48" s="19">
        <v>237</v>
      </c>
      <c r="F48" s="19"/>
      <c r="G48" s="18" t="s">
        <v>94</v>
      </c>
      <c r="H48" s="17"/>
      <c r="I48" s="13">
        <v>533</v>
      </c>
      <c r="J48" s="19">
        <v>189</v>
      </c>
      <c r="K48" s="19">
        <v>344</v>
      </c>
    </row>
    <row r="49" spans="1:11" ht="15" customHeight="1">
      <c r="A49" s="17" t="s">
        <v>95</v>
      </c>
      <c r="B49" s="17"/>
      <c r="C49" s="13">
        <v>490</v>
      </c>
      <c r="D49" s="19">
        <v>231</v>
      </c>
      <c r="E49" s="19">
        <v>259</v>
      </c>
      <c r="F49" s="19"/>
      <c r="G49" s="18" t="s">
        <v>96</v>
      </c>
      <c r="H49" s="17"/>
      <c r="I49" s="13">
        <v>506</v>
      </c>
      <c r="J49" s="19">
        <v>208</v>
      </c>
      <c r="K49" s="19">
        <v>298</v>
      </c>
    </row>
    <row r="50" spans="1:11" ht="15" customHeight="1">
      <c r="A50" s="17" t="s">
        <v>97</v>
      </c>
      <c r="B50" s="17"/>
      <c r="C50" s="13">
        <v>532</v>
      </c>
      <c r="D50" s="19">
        <v>248</v>
      </c>
      <c r="E50" s="19">
        <v>284</v>
      </c>
      <c r="F50" s="19"/>
      <c r="G50" s="18" t="s">
        <v>98</v>
      </c>
      <c r="H50" s="17"/>
      <c r="I50" s="13">
        <v>432</v>
      </c>
      <c r="J50" s="19">
        <v>160</v>
      </c>
      <c r="K50" s="19">
        <v>272</v>
      </c>
    </row>
    <row r="51" spans="1:11" ht="15" customHeight="1">
      <c r="A51" s="17" t="s">
        <v>99</v>
      </c>
      <c r="B51" s="17"/>
      <c r="C51" s="13">
        <v>551</v>
      </c>
      <c r="D51" s="19">
        <v>242</v>
      </c>
      <c r="E51" s="19">
        <v>309</v>
      </c>
      <c r="F51" s="19"/>
      <c r="G51" s="18" t="s">
        <v>100</v>
      </c>
      <c r="H51" s="17"/>
      <c r="I51" s="13">
        <v>401</v>
      </c>
      <c r="J51" s="19">
        <v>143</v>
      </c>
      <c r="K51" s="19">
        <v>258</v>
      </c>
    </row>
    <row r="52" spans="1:11" ht="15" customHeight="1">
      <c r="A52" s="17" t="s">
        <v>101</v>
      </c>
      <c r="B52" s="17"/>
      <c r="C52" s="13">
        <v>593</v>
      </c>
      <c r="D52" s="19">
        <v>273</v>
      </c>
      <c r="E52" s="19">
        <v>320</v>
      </c>
      <c r="F52" s="19"/>
      <c r="G52" s="18" t="s">
        <v>102</v>
      </c>
      <c r="H52" s="17"/>
      <c r="I52" s="13">
        <v>375</v>
      </c>
      <c r="J52" s="19">
        <v>142</v>
      </c>
      <c r="K52" s="19">
        <v>233</v>
      </c>
    </row>
    <row r="53" spans="1:11" ht="20.100000000000001" customHeight="1">
      <c r="A53" s="17" t="s">
        <v>103</v>
      </c>
      <c r="B53" s="17"/>
      <c r="C53" s="13">
        <v>3444</v>
      </c>
      <c r="D53" s="14">
        <v>1660</v>
      </c>
      <c r="E53" s="14">
        <v>1784</v>
      </c>
      <c r="F53" s="14"/>
      <c r="G53" s="18" t="s">
        <v>104</v>
      </c>
      <c r="H53" s="17"/>
      <c r="I53" s="13">
        <v>1058</v>
      </c>
      <c r="J53" s="14">
        <v>337</v>
      </c>
      <c r="K53" s="14">
        <v>721</v>
      </c>
    </row>
    <row r="54" spans="1:11" ht="15" customHeight="1">
      <c r="A54" s="17" t="s">
        <v>105</v>
      </c>
      <c r="B54" s="17"/>
      <c r="C54" s="13">
        <v>580</v>
      </c>
      <c r="D54" s="19">
        <v>280</v>
      </c>
      <c r="E54" s="19">
        <v>300</v>
      </c>
      <c r="F54" s="19"/>
      <c r="G54" s="18" t="s">
        <v>106</v>
      </c>
      <c r="H54" s="17"/>
      <c r="I54" s="13">
        <v>291</v>
      </c>
      <c r="J54" s="19">
        <v>100</v>
      </c>
      <c r="K54" s="19">
        <v>191</v>
      </c>
    </row>
    <row r="55" spans="1:11" ht="15" customHeight="1">
      <c r="A55" s="17" t="s">
        <v>107</v>
      </c>
      <c r="B55" s="17"/>
      <c r="C55" s="13">
        <v>626</v>
      </c>
      <c r="D55" s="19">
        <v>310</v>
      </c>
      <c r="E55" s="19">
        <v>316</v>
      </c>
      <c r="F55" s="19"/>
      <c r="G55" s="18" t="s">
        <v>108</v>
      </c>
      <c r="H55" s="17"/>
      <c r="I55" s="13">
        <v>252</v>
      </c>
      <c r="J55" s="19">
        <v>85</v>
      </c>
      <c r="K55" s="19">
        <v>167</v>
      </c>
    </row>
    <row r="56" spans="1:11" ht="15" customHeight="1">
      <c r="A56" s="17" t="s">
        <v>109</v>
      </c>
      <c r="B56" s="17"/>
      <c r="C56" s="13">
        <v>737</v>
      </c>
      <c r="D56" s="19">
        <v>354</v>
      </c>
      <c r="E56" s="19">
        <v>383</v>
      </c>
      <c r="F56" s="19"/>
      <c r="G56" s="18" t="s">
        <v>110</v>
      </c>
      <c r="H56" s="17"/>
      <c r="I56" s="13">
        <v>231</v>
      </c>
      <c r="J56" s="19">
        <v>67</v>
      </c>
      <c r="K56" s="19">
        <v>164</v>
      </c>
    </row>
    <row r="57" spans="1:11" ht="15" customHeight="1">
      <c r="A57" s="17" t="s">
        <v>111</v>
      </c>
      <c r="B57" s="17"/>
      <c r="C57" s="13">
        <v>753</v>
      </c>
      <c r="D57" s="19">
        <v>367</v>
      </c>
      <c r="E57" s="19">
        <v>386</v>
      </c>
      <c r="F57" s="19"/>
      <c r="G57" s="18" t="s">
        <v>112</v>
      </c>
      <c r="H57" s="17"/>
      <c r="I57" s="13">
        <v>166</v>
      </c>
      <c r="J57" s="19">
        <v>49</v>
      </c>
      <c r="K57" s="19">
        <v>117</v>
      </c>
    </row>
    <row r="58" spans="1:11" ht="15" customHeight="1">
      <c r="A58" s="17" t="s">
        <v>113</v>
      </c>
      <c r="B58" s="17"/>
      <c r="C58" s="13">
        <v>748</v>
      </c>
      <c r="D58" s="19">
        <v>349</v>
      </c>
      <c r="E58" s="19">
        <v>399</v>
      </c>
      <c r="F58" s="19"/>
      <c r="G58" s="18" t="s">
        <v>114</v>
      </c>
      <c r="H58" s="17"/>
      <c r="I58" s="13">
        <v>118</v>
      </c>
      <c r="J58" s="19">
        <v>36</v>
      </c>
      <c r="K58" s="19">
        <v>82</v>
      </c>
    </row>
    <row r="59" spans="1:11" ht="20.100000000000001" customHeight="1">
      <c r="A59" s="17" t="s">
        <v>115</v>
      </c>
      <c r="B59" s="17"/>
      <c r="C59" s="13">
        <v>4551</v>
      </c>
      <c r="D59" s="14">
        <v>2185</v>
      </c>
      <c r="E59" s="14">
        <v>2366</v>
      </c>
      <c r="F59" s="14"/>
      <c r="G59" s="18" t="s">
        <v>116</v>
      </c>
      <c r="H59" s="17"/>
      <c r="I59" s="13">
        <v>254</v>
      </c>
      <c r="J59" s="14">
        <v>63</v>
      </c>
      <c r="K59" s="14">
        <v>191</v>
      </c>
    </row>
    <row r="60" spans="1:11" ht="15" customHeight="1">
      <c r="A60" s="17" t="s">
        <v>117</v>
      </c>
      <c r="B60" s="17"/>
      <c r="C60" s="13">
        <v>866</v>
      </c>
      <c r="D60" s="19">
        <v>389</v>
      </c>
      <c r="E60" s="19">
        <v>477</v>
      </c>
      <c r="F60" s="19"/>
      <c r="G60" s="18" t="s">
        <v>118</v>
      </c>
      <c r="H60" s="17"/>
      <c r="I60" s="13">
        <v>88</v>
      </c>
      <c r="J60" s="19">
        <v>22</v>
      </c>
      <c r="K60" s="19">
        <v>66</v>
      </c>
    </row>
    <row r="61" spans="1:11" ht="15" customHeight="1">
      <c r="A61" s="17" t="s">
        <v>119</v>
      </c>
      <c r="B61" s="17"/>
      <c r="C61" s="13">
        <v>805</v>
      </c>
      <c r="D61" s="19">
        <v>401</v>
      </c>
      <c r="E61" s="19">
        <v>404</v>
      </c>
      <c r="F61" s="19"/>
      <c r="G61" s="18" t="s">
        <v>120</v>
      </c>
      <c r="H61" s="17"/>
      <c r="I61" s="13">
        <v>70</v>
      </c>
      <c r="J61" s="19">
        <v>18</v>
      </c>
      <c r="K61" s="19">
        <v>52</v>
      </c>
    </row>
    <row r="62" spans="1:11" ht="15" customHeight="1">
      <c r="A62" s="17" t="s">
        <v>121</v>
      </c>
      <c r="B62" s="17"/>
      <c r="C62" s="13">
        <v>924</v>
      </c>
      <c r="D62" s="19">
        <v>466</v>
      </c>
      <c r="E62" s="19">
        <v>458</v>
      </c>
      <c r="F62" s="19"/>
      <c r="G62" s="18" t="s">
        <v>122</v>
      </c>
      <c r="H62" s="17"/>
      <c r="I62" s="13">
        <v>49</v>
      </c>
      <c r="J62" s="19">
        <v>12</v>
      </c>
      <c r="K62" s="19">
        <v>37</v>
      </c>
    </row>
    <row r="63" spans="1:11" ht="15" customHeight="1">
      <c r="A63" s="17" t="s">
        <v>123</v>
      </c>
      <c r="B63" s="17"/>
      <c r="C63" s="13">
        <v>1000</v>
      </c>
      <c r="D63" s="19">
        <v>495</v>
      </c>
      <c r="E63" s="19">
        <v>505</v>
      </c>
      <c r="F63" s="19"/>
      <c r="G63" s="18" t="s">
        <v>124</v>
      </c>
      <c r="H63" s="17"/>
      <c r="I63" s="13">
        <v>28</v>
      </c>
      <c r="J63" s="19">
        <v>10</v>
      </c>
      <c r="K63" s="19">
        <v>18</v>
      </c>
    </row>
    <row r="64" spans="1:11" ht="15" customHeight="1">
      <c r="A64" s="17" t="s">
        <v>125</v>
      </c>
      <c r="B64" s="17"/>
      <c r="C64" s="13">
        <v>956</v>
      </c>
      <c r="D64" s="19">
        <v>434</v>
      </c>
      <c r="E64" s="19">
        <v>522</v>
      </c>
      <c r="F64" s="19"/>
      <c r="G64" s="18" t="s">
        <v>126</v>
      </c>
      <c r="H64" s="17"/>
      <c r="I64" s="13">
        <v>19</v>
      </c>
      <c r="J64" s="19">
        <v>1</v>
      </c>
      <c r="K64" s="19">
        <v>18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40</v>
      </c>
      <c r="J65" s="19">
        <v>9</v>
      </c>
      <c r="K65" s="19">
        <v>31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1582</v>
      </c>
      <c r="J66" s="27">
        <v>778</v>
      </c>
      <c r="K66" s="27">
        <v>804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1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41361</v>
      </c>
      <c r="D4" s="14">
        <v>19799</v>
      </c>
      <c r="E4" s="14">
        <v>2156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84</v>
      </c>
      <c r="D5" s="14">
        <v>466</v>
      </c>
      <c r="E5" s="14">
        <v>418</v>
      </c>
      <c r="F5" s="14"/>
      <c r="G5" s="18" t="s">
        <v>8</v>
      </c>
      <c r="H5" s="17"/>
      <c r="I5" s="13">
        <v>3024</v>
      </c>
      <c r="J5" s="14">
        <v>1530</v>
      </c>
      <c r="K5" s="14">
        <v>1494</v>
      </c>
    </row>
    <row r="6" spans="1:11" ht="15" customHeight="1">
      <c r="A6" s="17" t="s">
        <v>9</v>
      </c>
      <c r="B6" s="17"/>
      <c r="C6" s="13">
        <v>160</v>
      </c>
      <c r="D6" s="19">
        <v>92</v>
      </c>
      <c r="E6" s="19">
        <v>68</v>
      </c>
      <c r="F6" s="19"/>
      <c r="G6" s="18" t="s">
        <v>10</v>
      </c>
      <c r="H6" s="17"/>
      <c r="I6" s="13">
        <v>610</v>
      </c>
      <c r="J6" s="19">
        <v>301</v>
      </c>
      <c r="K6" s="19">
        <v>309</v>
      </c>
    </row>
    <row r="7" spans="1:11" ht="15" customHeight="1">
      <c r="A7" s="17" t="s">
        <v>11</v>
      </c>
      <c r="B7" s="17"/>
      <c r="C7" s="13">
        <v>154</v>
      </c>
      <c r="D7" s="19">
        <v>80</v>
      </c>
      <c r="E7" s="19">
        <v>74</v>
      </c>
      <c r="F7" s="19"/>
      <c r="G7" s="18" t="s">
        <v>12</v>
      </c>
      <c r="H7" s="17"/>
      <c r="I7" s="13">
        <v>594</v>
      </c>
      <c r="J7" s="19">
        <v>320</v>
      </c>
      <c r="K7" s="19">
        <v>274</v>
      </c>
    </row>
    <row r="8" spans="1:11" ht="15" customHeight="1">
      <c r="A8" s="17" t="s">
        <v>13</v>
      </c>
      <c r="B8" s="17"/>
      <c r="C8" s="13">
        <v>165</v>
      </c>
      <c r="D8" s="19">
        <v>84</v>
      </c>
      <c r="E8" s="19">
        <v>81</v>
      </c>
      <c r="F8" s="19"/>
      <c r="G8" s="18" t="s">
        <v>14</v>
      </c>
      <c r="H8" s="17"/>
      <c r="I8" s="13">
        <v>597</v>
      </c>
      <c r="J8" s="19">
        <v>298</v>
      </c>
      <c r="K8" s="19">
        <v>299</v>
      </c>
    </row>
    <row r="9" spans="1:11" ht="15" customHeight="1">
      <c r="A9" s="17" t="s">
        <v>15</v>
      </c>
      <c r="B9" s="17"/>
      <c r="C9" s="13">
        <v>209</v>
      </c>
      <c r="D9" s="19">
        <v>105</v>
      </c>
      <c r="E9" s="19">
        <v>104</v>
      </c>
      <c r="F9" s="19"/>
      <c r="G9" s="18" t="s">
        <v>16</v>
      </c>
      <c r="H9" s="17"/>
      <c r="I9" s="13">
        <v>595</v>
      </c>
      <c r="J9" s="19">
        <v>290</v>
      </c>
      <c r="K9" s="19">
        <v>305</v>
      </c>
    </row>
    <row r="10" spans="1:11" ht="15" customHeight="1">
      <c r="A10" s="17" t="s">
        <v>17</v>
      </c>
      <c r="B10" s="17"/>
      <c r="C10" s="13">
        <v>196</v>
      </c>
      <c r="D10" s="19">
        <v>105</v>
      </c>
      <c r="E10" s="19">
        <v>91</v>
      </c>
      <c r="F10" s="19"/>
      <c r="G10" s="18" t="s">
        <v>18</v>
      </c>
      <c r="H10" s="17"/>
      <c r="I10" s="13">
        <v>628</v>
      </c>
      <c r="J10" s="19">
        <v>321</v>
      </c>
      <c r="K10" s="19">
        <v>307</v>
      </c>
    </row>
    <row r="11" spans="1:11" ht="20.100000000000001" customHeight="1">
      <c r="A11" s="17" t="s">
        <v>19</v>
      </c>
      <c r="B11" s="17"/>
      <c r="C11" s="13">
        <v>1096</v>
      </c>
      <c r="D11" s="14">
        <v>565</v>
      </c>
      <c r="E11" s="14">
        <v>531</v>
      </c>
      <c r="F11" s="14"/>
      <c r="G11" s="18" t="s">
        <v>20</v>
      </c>
      <c r="H11" s="17"/>
      <c r="I11" s="13">
        <v>2674</v>
      </c>
      <c r="J11" s="14">
        <v>1366</v>
      </c>
      <c r="K11" s="14">
        <v>1308</v>
      </c>
    </row>
    <row r="12" spans="1:11" ht="15" customHeight="1">
      <c r="A12" s="17" t="s">
        <v>21</v>
      </c>
      <c r="B12" s="17"/>
      <c r="C12" s="13">
        <v>216</v>
      </c>
      <c r="D12" s="19">
        <v>114</v>
      </c>
      <c r="E12" s="19">
        <v>102</v>
      </c>
      <c r="F12" s="19"/>
      <c r="G12" s="18" t="s">
        <v>22</v>
      </c>
      <c r="H12" s="17"/>
      <c r="I12" s="13">
        <v>433</v>
      </c>
      <c r="J12" s="19">
        <v>231</v>
      </c>
      <c r="K12" s="19">
        <v>202</v>
      </c>
    </row>
    <row r="13" spans="1:11" ht="15" customHeight="1">
      <c r="A13" s="17" t="s">
        <v>23</v>
      </c>
      <c r="B13" s="17"/>
      <c r="C13" s="13">
        <v>214</v>
      </c>
      <c r="D13" s="19">
        <v>116</v>
      </c>
      <c r="E13" s="19">
        <v>98</v>
      </c>
      <c r="F13" s="19"/>
      <c r="G13" s="18" t="s">
        <v>24</v>
      </c>
      <c r="H13" s="17"/>
      <c r="I13" s="13">
        <v>561</v>
      </c>
      <c r="J13" s="19">
        <v>297</v>
      </c>
      <c r="K13" s="19">
        <v>264</v>
      </c>
    </row>
    <row r="14" spans="1:11" ht="15" customHeight="1">
      <c r="A14" s="17" t="s">
        <v>25</v>
      </c>
      <c r="B14" s="17"/>
      <c r="C14" s="13">
        <v>232</v>
      </c>
      <c r="D14" s="19">
        <v>116</v>
      </c>
      <c r="E14" s="19">
        <v>116</v>
      </c>
      <c r="F14" s="19"/>
      <c r="G14" s="18" t="s">
        <v>26</v>
      </c>
      <c r="H14" s="17"/>
      <c r="I14" s="13">
        <v>591</v>
      </c>
      <c r="J14" s="19">
        <v>292</v>
      </c>
      <c r="K14" s="19">
        <v>299</v>
      </c>
    </row>
    <row r="15" spans="1:11" ht="15" customHeight="1">
      <c r="A15" s="17" t="s">
        <v>27</v>
      </c>
      <c r="B15" s="17"/>
      <c r="C15" s="13">
        <v>225</v>
      </c>
      <c r="D15" s="19">
        <v>113</v>
      </c>
      <c r="E15" s="19">
        <v>112</v>
      </c>
      <c r="F15" s="19"/>
      <c r="G15" s="18" t="s">
        <v>28</v>
      </c>
      <c r="H15" s="17"/>
      <c r="I15" s="13">
        <v>544</v>
      </c>
      <c r="J15" s="19">
        <v>275</v>
      </c>
      <c r="K15" s="19">
        <v>269</v>
      </c>
    </row>
    <row r="16" spans="1:11" ht="15" customHeight="1">
      <c r="A16" s="17" t="s">
        <v>29</v>
      </c>
      <c r="B16" s="17"/>
      <c r="C16" s="13">
        <v>209</v>
      </c>
      <c r="D16" s="19">
        <v>106</v>
      </c>
      <c r="E16" s="19">
        <v>103</v>
      </c>
      <c r="F16" s="19"/>
      <c r="G16" s="18" t="s">
        <v>30</v>
      </c>
      <c r="H16" s="17"/>
      <c r="I16" s="13">
        <v>545</v>
      </c>
      <c r="J16" s="19">
        <v>271</v>
      </c>
      <c r="K16" s="19">
        <v>274</v>
      </c>
    </row>
    <row r="17" spans="1:11" ht="20.100000000000001" customHeight="1">
      <c r="A17" s="20" t="s">
        <v>31</v>
      </c>
      <c r="B17" s="20"/>
      <c r="C17" s="13">
        <v>1373</v>
      </c>
      <c r="D17" s="14">
        <v>684</v>
      </c>
      <c r="E17" s="14">
        <v>689</v>
      </c>
      <c r="F17" s="14"/>
      <c r="G17" s="18" t="s">
        <v>32</v>
      </c>
      <c r="H17" s="17"/>
      <c r="I17" s="13">
        <v>2705</v>
      </c>
      <c r="J17" s="14">
        <v>1328</v>
      </c>
      <c r="K17" s="14">
        <v>1377</v>
      </c>
    </row>
    <row r="18" spans="1:11" ht="15" customHeight="1">
      <c r="A18" s="17" t="s">
        <v>33</v>
      </c>
      <c r="B18" s="17"/>
      <c r="C18" s="13">
        <v>253</v>
      </c>
      <c r="D18" s="19">
        <v>138</v>
      </c>
      <c r="E18" s="19">
        <v>115</v>
      </c>
      <c r="F18" s="19"/>
      <c r="G18" s="18" t="s">
        <v>34</v>
      </c>
      <c r="H18" s="17"/>
      <c r="I18" s="13">
        <v>560</v>
      </c>
      <c r="J18" s="19">
        <v>271</v>
      </c>
      <c r="K18" s="19">
        <v>289</v>
      </c>
    </row>
    <row r="19" spans="1:11" ht="15" customHeight="1">
      <c r="A19" s="17" t="s">
        <v>35</v>
      </c>
      <c r="B19" s="17"/>
      <c r="C19" s="13">
        <v>283</v>
      </c>
      <c r="D19" s="19">
        <v>147</v>
      </c>
      <c r="E19" s="19">
        <v>136</v>
      </c>
      <c r="F19" s="19"/>
      <c r="G19" s="18" t="s">
        <v>36</v>
      </c>
      <c r="H19" s="17"/>
      <c r="I19" s="13">
        <v>530</v>
      </c>
      <c r="J19" s="19">
        <v>256</v>
      </c>
      <c r="K19" s="19">
        <v>274</v>
      </c>
    </row>
    <row r="20" spans="1:11" ht="15" customHeight="1">
      <c r="A20" s="17" t="s">
        <v>37</v>
      </c>
      <c r="B20" s="17"/>
      <c r="C20" s="13">
        <v>251</v>
      </c>
      <c r="D20" s="19">
        <v>130</v>
      </c>
      <c r="E20" s="19">
        <v>121</v>
      </c>
      <c r="F20" s="19"/>
      <c r="G20" s="18" t="s">
        <v>38</v>
      </c>
      <c r="H20" s="17"/>
      <c r="I20" s="13">
        <v>517</v>
      </c>
      <c r="J20" s="19">
        <v>258</v>
      </c>
      <c r="K20" s="19">
        <v>259</v>
      </c>
    </row>
    <row r="21" spans="1:11" ht="15" customHeight="1">
      <c r="A21" s="17" t="s">
        <v>39</v>
      </c>
      <c r="B21" s="17"/>
      <c r="C21" s="13">
        <v>281</v>
      </c>
      <c r="D21" s="19">
        <v>124</v>
      </c>
      <c r="E21" s="19">
        <v>157</v>
      </c>
      <c r="F21" s="19"/>
      <c r="G21" s="18" t="s">
        <v>40</v>
      </c>
      <c r="H21" s="17"/>
      <c r="I21" s="13">
        <v>552</v>
      </c>
      <c r="J21" s="19">
        <v>275</v>
      </c>
      <c r="K21" s="19">
        <v>277</v>
      </c>
    </row>
    <row r="22" spans="1:11" ht="15" customHeight="1">
      <c r="A22" s="17" t="s">
        <v>41</v>
      </c>
      <c r="B22" s="17"/>
      <c r="C22" s="13">
        <v>305</v>
      </c>
      <c r="D22" s="19">
        <v>145</v>
      </c>
      <c r="E22" s="19">
        <v>160</v>
      </c>
      <c r="F22" s="19"/>
      <c r="G22" s="18" t="s">
        <v>42</v>
      </c>
      <c r="H22" s="17"/>
      <c r="I22" s="13">
        <v>546</v>
      </c>
      <c r="J22" s="19">
        <v>268</v>
      </c>
      <c r="K22" s="19">
        <v>278</v>
      </c>
    </row>
    <row r="23" spans="1:11" ht="20.100000000000001" customHeight="1">
      <c r="A23" s="17" t="s">
        <v>43</v>
      </c>
      <c r="B23" s="17"/>
      <c r="C23" s="13">
        <v>1597</v>
      </c>
      <c r="D23" s="14">
        <v>816</v>
      </c>
      <c r="E23" s="14">
        <v>781</v>
      </c>
      <c r="F23" s="14"/>
      <c r="G23" s="18" t="s">
        <v>44</v>
      </c>
      <c r="H23" s="17"/>
      <c r="I23" s="13">
        <v>3290</v>
      </c>
      <c r="J23" s="14">
        <v>1588</v>
      </c>
      <c r="K23" s="14">
        <v>1702</v>
      </c>
    </row>
    <row r="24" spans="1:11" ht="15" customHeight="1">
      <c r="A24" s="17" t="s">
        <v>45</v>
      </c>
      <c r="B24" s="17"/>
      <c r="C24" s="13">
        <v>285</v>
      </c>
      <c r="D24" s="19">
        <v>150</v>
      </c>
      <c r="E24" s="19">
        <v>135</v>
      </c>
      <c r="F24" s="19"/>
      <c r="G24" s="18" t="s">
        <v>46</v>
      </c>
      <c r="H24" s="17"/>
      <c r="I24" s="13">
        <v>560</v>
      </c>
      <c r="J24" s="19">
        <v>281</v>
      </c>
      <c r="K24" s="19">
        <v>279</v>
      </c>
    </row>
    <row r="25" spans="1:11" ht="15" customHeight="1">
      <c r="A25" s="17" t="s">
        <v>47</v>
      </c>
      <c r="B25" s="17"/>
      <c r="C25" s="13">
        <v>321</v>
      </c>
      <c r="D25" s="19">
        <v>164</v>
      </c>
      <c r="E25" s="19">
        <v>157</v>
      </c>
      <c r="F25" s="19"/>
      <c r="G25" s="18" t="s">
        <v>48</v>
      </c>
      <c r="H25" s="17"/>
      <c r="I25" s="13">
        <v>635</v>
      </c>
      <c r="J25" s="19">
        <v>298</v>
      </c>
      <c r="K25" s="19">
        <v>337</v>
      </c>
    </row>
    <row r="26" spans="1:11" ht="15" customHeight="1">
      <c r="A26" s="17" t="s">
        <v>49</v>
      </c>
      <c r="B26" s="17"/>
      <c r="C26" s="13">
        <v>331</v>
      </c>
      <c r="D26" s="19">
        <v>178</v>
      </c>
      <c r="E26" s="19">
        <v>153</v>
      </c>
      <c r="F26" s="19"/>
      <c r="G26" s="18" t="s">
        <v>50</v>
      </c>
      <c r="H26" s="17"/>
      <c r="I26" s="13">
        <v>626</v>
      </c>
      <c r="J26" s="19">
        <v>308</v>
      </c>
      <c r="K26" s="19">
        <v>318</v>
      </c>
    </row>
    <row r="27" spans="1:11" ht="15" customHeight="1">
      <c r="A27" s="17" t="s">
        <v>51</v>
      </c>
      <c r="B27" s="17"/>
      <c r="C27" s="13">
        <v>339</v>
      </c>
      <c r="D27" s="19">
        <v>172</v>
      </c>
      <c r="E27" s="19">
        <v>167</v>
      </c>
      <c r="F27" s="19"/>
      <c r="G27" s="18" t="s">
        <v>52</v>
      </c>
      <c r="H27" s="17"/>
      <c r="I27" s="13">
        <v>735</v>
      </c>
      <c r="J27" s="19">
        <v>326</v>
      </c>
      <c r="K27" s="19">
        <v>409</v>
      </c>
    </row>
    <row r="28" spans="1:11" ht="15" customHeight="1">
      <c r="A28" s="17" t="s">
        <v>53</v>
      </c>
      <c r="B28" s="17"/>
      <c r="C28" s="13">
        <v>321</v>
      </c>
      <c r="D28" s="19">
        <v>152</v>
      </c>
      <c r="E28" s="19">
        <v>169</v>
      </c>
      <c r="F28" s="19"/>
      <c r="G28" s="18" t="s">
        <v>54</v>
      </c>
      <c r="H28" s="17"/>
      <c r="I28" s="13">
        <v>734</v>
      </c>
      <c r="J28" s="19">
        <v>375</v>
      </c>
      <c r="K28" s="19">
        <v>359</v>
      </c>
    </row>
    <row r="29" spans="1:11" ht="20.100000000000001" customHeight="1">
      <c r="A29" s="17" t="s">
        <v>55</v>
      </c>
      <c r="B29" s="17"/>
      <c r="C29" s="13">
        <v>1542</v>
      </c>
      <c r="D29" s="14">
        <v>802</v>
      </c>
      <c r="E29" s="14">
        <v>740</v>
      </c>
      <c r="F29" s="14"/>
      <c r="G29" s="18" t="s">
        <v>56</v>
      </c>
      <c r="H29" s="17"/>
      <c r="I29" s="13">
        <v>4473</v>
      </c>
      <c r="J29" s="14">
        <v>2179</v>
      </c>
      <c r="K29" s="14">
        <v>2294</v>
      </c>
    </row>
    <row r="30" spans="1:11" ht="15" customHeight="1">
      <c r="A30" s="17" t="s">
        <v>57</v>
      </c>
      <c r="B30" s="17"/>
      <c r="C30" s="13">
        <v>327</v>
      </c>
      <c r="D30" s="19">
        <v>170</v>
      </c>
      <c r="E30" s="19">
        <v>157</v>
      </c>
      <c r="F30" s="19"/>
      <c r="G30" s="18" t="s">
        <v>58</v>
      </c>
      <c r="H30" s="17"/>
      <c r="I30" s="13">
        <v>829</v>
      </c>
      <c r="J30" s="19">
        <v>402</v>
      </c>
      <c r="K30" s="19">
        <v>427</v>
      </c>
    </row>
    <row r="31" spans="1:11" ht="15" customHeight="1">
      <c r="A31" s="17" t="s">
        <v>59</v>
      </c>
      <c r="B31" s="17"/>
      <c r="C31" s="13">
        <v>307</v>
      </c>
      <c r="D31" s="19">
        <v>146</v>
      </c>
      <c r="E31" s="19">
        <v>161</v>
      </c>
      <c r="F31" s="19"/>
      <c r="G31" s="18" t="s">
        <v>60</v>
      </c>
      <c r="H31" s="17"/>
      <c r="I31" s="13">
        <v>839</v>
      </c>
      <c r="J31" s="19">
        <v>438</v>
      </c>
      <c r="K31" s="19">
        <v>401</v>
      </c>
    </row>
    <row r="32" spans="1:11" ht="15" customHeight="1">
      <c r="A32" s="17" t="s">
        <v>61</v>
      </c>
      <c r="B32" s="17"/>
      <c r="C32" s="13">
        <v>304</v>
      </c>
      <c r="D32" s="19">
        <v>161</v>
      </c>
      <c r="E32" s="19">
        <v>143</v>
      </c>
      <c r="F32" s="19"/>
      <c r="G32" s="18" t="s">
        <v>62</v>
      </c>
      <c r="H32" s="17"/>
      <c r="I32" s="13">
        <v>928</v>
      </c>
      <c r="J32" s="19">
        <v>447</v>
      </c>
      <c r="K32" s="19">
        <v>481</v>
      </c>
    </row>
    <row r="33" spans="1:11" ht="15" customHeight="1">
      <c r="A33" s="17" t="s">
        <v>63</v>
      </c>
      <c r="B33" s="17"/>
      <c r="C33" s="13">
        <v>309</v>
      </c>
      <c r="D33" s="19">
        <v>179</v>
      </c>
      <c r="E33" s="19">
        <v>130</v>
      </c>
      <c r="F33" s="19"/>
      <c r="G33" s="18" t="s">
        <v>64</v>
      </c>
      <c r="H33" s="17"/>
      <c r="I33" s="13">
        <v>920</v>
      </c>
      <c r="J33" s="19">
        <v>431</v>
      </c>
      <c r="K33" s="19">
        <v>489</v>
      </c>
    </row>
    <row r="34" spans="1:11" ht="15" customHeight="1">
      <c r="A34" s="17" t="s">
        <v>65</v>
      </c>
      <c r="B34" s="17"/>
      <c r="C34" s="13">
        <v>295</v>
      </c>
      <c r="D34" s="19">
        <v>146</v>
      </c>
      <c r="E34" s="19">
        <v>149</v>
      </c>
      <c r="F34" s="19"/>
      <c r="G34" s="18" t="s">
        <v>66</v>
      </c>
      <c r="H34" s="17"/>
      <c r="I34" s="13">
        <v>957</v>
      </c>
      <c r="J34" s="19">
        <v>461</v>
      </c>
      <c r="K34" s="19">
        <v>496</v>
      </c>
    </row>
    <row r="35" spans="1:11" ht="20.100000000000001" customHeight="1">
      <c r="A35" s="17" t="s">
        <v>67</v>
      </c>
      <c r="B35" s="17"/>
      <c r="C35" s="13">
        <v>1337</v>
      </c>
      <c r="D35" s="14">
        <v>704</v>
      </c>
      <c r="E35" s="14">
        <v>633</v>
      </c>
      <c r="F35" s="14"/>
      <c r="G35" s="18" t="s">
        <v>68</v>
      </c>
      <c r="H35" s="17"/>
      <c r="I35" s="13">
        <v>3261</v>
      </c>
      <c r="J35" s="14">
        <v>1467</v>
      </c>
      <c r="K35" s="14">
        <v>1794</v>
      </c>
    </row>
    <row r="36" spans="1:11" ht="15" customHeight="1">
      <c r="A36" s="17" t="s">
        <v>69</v>
      </c>
      <c r="B36" s="17"/>
      <c r="C36" s="13">
        <v>290</v>
      </c>
      <c r="D36" s="19">
        <v>164</v>
      </c>
      <c r="E36" s="19">
        <v>126</v>
      </c>
      <c r="F36" s="19"/>
      <c r="G36" s="18" t="s">
        <v>70</v>
      </c>
      <c r="H36" s="17"/>
      <c r="I36" s="13">
        <v>673</v>
      </c>
      <c r="J36" s="19">
        <v>312</v>
      </c>
      <c r="K36" s="19">
        <v>361</v>
      </c>
    </row>
    <row r="37" spans="1:11" ht="15" customHeight="1">
      <c r="A37" s="17" t="s">
        <v>71</v>
      </c>
      <c r="B37" s="17"/>
      <c r="C37" s="13">
        <v>267</v>
      </c>
      <c r="D37" s="19">
        <v>136</v>
      </c>
      <c r="E37" s="19">
        <v>131</v>
      </c>
      <c r="F37" s="19"/>
      <c r="G37" s="18" t="s">
        <v>72</v>
      </c>
      <c r="H37" s="17"/>
      <c r="I37" s="13">
        <v>492</v>
      </c>
      <c r="J37" s="19">
        <v>223</v>
      </c>
      <c r="K37" s="19">
        <v>269</v>
      </c>
    </row>
    <row r="38" spans="1:11" ht="15" customHeight="1">
      <c r="A38" s="17" t="s">
        <v>73</v>
      </c>
      <c r="B38" s="17"/>
      <c r="C38" s="13">
        <v>255</v>
      </c>
      <c r="D38" s="19">
        <v>137</v>
      </c>
      <c r="E38" s="19">
        <v>118</v>
      </c>
      <c r="F38" s="19"/>
      <c r="G38" s="18" t="s">
        <v>74</v>
      </c>
      <c r="H38" s="17"/>
      <c r="I38" s="13">
        <v>712</v>
      </c>
      <c r="J38" s="19">
        <v>317</v>
      </c>
      <c r="K38" s="19">
        <v>395</v>
      </c>
    </row>
    <row r="39" spans="1:11" ht="15" customHeight="1">
      <c r="A39" s="17" t="s">
        <v>75</v>
      </c>
      <c r="B39" s="17"/>
      <c r="C39" s="13">
        <v>278</v>
      </c>
      <c r="D39" s="19">
        <v>139</v>
      </c>
      <c r="E39" s="19">
        <v>139</v>
      </c>
      <c r="F39" s="19"/>
      <c r="G39" s="18" t="s">
        <v>76</v>
      </c>
      <c r="H39" s="17"/>
      <c r="I39" s="13">
        <v>688</v>
      </c>
      <c r="J39" s="19">
        <v>308</v>
      </c>
      <c r="K39" s="19">
        <v>380</v>
      </c>
    </row>
    <row r="40" spans="1:11" ht="15" customHeight="1">
      <c r="A40" s="17" t="s">
        <v>77</v>
      </c>
      <c r="B40" s="17"/>
      <c r="C40" s="13">
        <v>247</v>
      </c>
      <c r="D40" s="19">
        <v>128</v>
      </c>
      <c r="E40" s="19">
        <v>119</v>
      </c>
      <c r="F40" s="19"/>
      <c r="G40" s="18" t="s">
        <v>78</v>
      </c>
      <c r="H40" s="17"/>
      <c r="I40" s="13">
        <v>696</v>
      </c>
      <c r="J40" s="19">
        <v>307</v>
      </c>
      <c r="K40" s="19">
        <v>389</v>
      </c>
    </row>
    <row r="41" spans="1:11" ht="20.100000000000001" customHeight="1">
      <c r="A41" s="17" t="s">
        <v>79</v>
      </c>
      <c r="B41" s="17"/>
      <c r="C41" s="13">
        <v>1458</v>
      </c>
      <c r="D41" s="14">
        <v>737</v>
      </c>
      <c r="E41" s="14">
        <v>721</v>
      </c>
      <c r="F41" s="14"/>
      <c r="G41" s="18" t="s">
        <v>80</v>
      </c>
      <c r="H41" s="17"/>
      <c r="I41" s="13">
        <v>2728</v>
      </c>
      <c r="J41" s="14">
        <v>1115</v>
      </c>
      <c r="K41" s="14">
        <v>1613</v>
      </c>
    </row>
    <row r="42" spans="1:11" ht="15" customHeight="1">
      <c r="A42" s="17" t="s">
        <v>81</v>
      </c>
      <c r="B42" s="17"/>
      <c r="C42" s="13">
        <v>279</v>
      </c>
      <c r="D42" s="19">
        <v>142</v>
      </c>
      <c r="E42" s="19">
        <v>137</v>
      </c>
      <c r="F42" s="19"/>
      <c r="G42" s="18" t="s">
        <v>82</v>
      </c>
      <c r="H42" s="17"/>
      <c r="I42" s="13">
        <v>675</v>
      </c>
      <c r="J42" s="19">
        <v>300</v>
      </c>
      <c r="K42" s="19">
        <v>375</v>
      </c>
    </row>
    <row r="43" spans="1:11" ht="15" customHeight="1">
      <c r="A43" s="17" t="s">
        <v>83</v>
      </c>
      <c r="B43" s="17"/>
      <c r="C43" s="13">
        <v>276</v>
      </c>
      <c r="D43" s="19">
        <v>138</v>
      </c>
      <c r="E43" s="19">
        <v>138</v>
      </c>
      <c r="F43" s="19"/>
      <c r="G43" s="18" t="s">
        <v>84</v>
      </c>
      <c r="H43" s="17"/>
      <c r="I43" s="13">
        <v>588</v>
      </c>
      <c r="J43" s="19">
        <v>218</v>
      </c>
      <c r="K43" s="19">
        <v>370</v>
      </c>
    </row>
    <row r="44" spans="1:11" ht="15" customHeight="1">
      <c r="A44" s="17" t="s">
        <v>85</v>
      </c>
      <c r="B44" s="17"/>
      <c r="C44" s="13">
        <v>287</v>
      </c>
      <c r="D44" s="19">
        <v>148</v>
      </c>
      <c r="E44" s="19">
        <v>139</v>
      </c>
      <c r="F44" s="19"/>
      <c r="G44" s="18" t="s">
        <v>86</v>
      </c>
      <c r="H44" s="17"/>
      <c r="I44" s="13">
        <v>490</v>
      </c>
      <c r="J44" s="19">
        <v>209</v>
      </c>
      <c r="K44" s="19">
        <v>281</v>
      </c>
    </row>
    <row r="45" spans="1:11" ht="15" customHeight="1">
      <c r="A45" s="17" t="s">
        <v>87</v>
      </c>
      <c r="B45" s="17"/>
      <c r="C45" s="13">
        <v>302</v>
      </c>
      <c r="D45" s="19">
        <v>161</v>
      </c>
      <c r="E45" s="19">
        <v>141</v>
      </c>
      <c r="F45" s="19"/>
      <c r="G45" s="18" t="s">
        <v>88</v>
      </c>
      <c r="H45" s="17"/>
      <c r="I45" s="13">
        <v>462</v>
      </c>
      <c r="J45" s="19">
        <v>182</v>
      </c>
      <c r="K45" s="19">
        <v>280</v>
      </c>
    </row>
    <row r="46" spans="1:11" ht="15" customHeight="1">
      <c r="A46" s="17" t="s">
        <v>89</v>
      </c>
      <c r="B46" s="17"/>
      <c r="C46" s="13">
        <v>314</v>
      </c>
      <c r="D46" s="19">
        <v>148</v>
      </c>
      <c r="E46" s="19">
        <v>166</v>
      </c>
      <c r="F46" s="19"/>
      <c r="G46" s="18" t="s">
        <v>90</v>
      </c>
      <c r="H46" s="17"/>
      <c r="I46" s="13">
        <v>513</v>
      </c>
      <c r="J46" s="19">
        <v>206</v>
      </c>
      <c r="K46" s="19">
        <v>307</v>
      </c>
    </row>
    <row r="47" spans="1:11" ht="20.100000000000001" customHeight="1">
      <c r="A47" s="17" t="s">
        <v>91</v>
      </c>
      <c r="B47" s="17"/>
      <c r="C47" s="13">
        <v>1702</v>
      </c>
      <c r="D47" s="14">
        <v>875</v>
      </c>
      <c r="E47" s="14">
        <v>827</v>
      </c>
      <c r="F47" s="14"/>
      <c r="G47" s="18" t="s">
        <v>92</v>
      </c>
      <c r="H47" s="17"/>
      <c r="I47" s="13">
        <v>1880</v>
      </c>
      <c r="J47" s="14">
        <v>703</v>
      </c>
      <c r="K47" s="14">
        <v>1177</v>
      </c>
    </row>
    <row r="48" spans="1:11" ht="15" customHeight="1">
      <c r="A48" s="17" t="s">
        <v>93</v>
      </c>
      <c r="B48" s="17"/>
      <c r="C48" s="13">
        <v>306</v>
      </c>
      <c r="D48" s="19">
        <v>156</v>
      </c>
      <c r="E48" s="19">
        <v>150</v>
      </c>
      <c r="F48" s="19"/>
      <c r="G48" s="18" t="s">
        <v>94</v>
      </c>
      <c r="H48" s="17"/>
      <c r="I48" s="13">
        <v>447</v>
      </c>
      <c r="J48" s="19">
        <v>186</v>
      </c>
      <c r="K48" s="19">
        <v>261</v>
      </c>
    </row>
    <row r="49" spans="1:11" ht="15" customHeight="1">
      <c r="A49" s="17" t="s">
        <v>95</v>
      </c>
      <c r="B49" s="17"/>
      <c r="C49" s="13">
        <v>340</v>
      </c>
      <c r="D49" s="19">
        <v>181</v>
      </c>
      <c r="E49" s="19">
        <v>159</v>
      </c>
      <c r="F49" s="19"/>
      <c r="G49" s="18" t="s">
        <v>96</v>
      </c>
      <c r="H49" s="17"/>
      <c r="I49" s="13">
        <v>431</v>
      </c>
      <c r="J49" s="19">
        <v>161</v>
      </c>
      <c r="K49" s="19">
        <v>270</v>
      </c>
    </row>
    <row r="50" spans="1:11" ht="15" customHeight="1">
      <c r="A50" s="17" t="s">
        <v>97</v>
      </c>
      <c r="B50" s="17"/>
      <c r="C50" s="13">
        <v>351</v>
      </c>
      <c r="D50" s="19">
        <v>173</v>
      </c>
      <c r="E50" s="19">
        <v>178</v>
      </c>
      <c r="F50" s="19"/>
      <c r="G50" s="18" t="s">
        <v>98</v>
      </c>
      <c r="H50" s="17"/>
      <c r="I50" s="13">
        <v>361</v>
      </c>
      <c r="J50" s="19">
        <v>134</v>
      </c>
      <c r="K50" s="19">
        <v>227</v>
      </c>
    </row>
    <row r="51" spans="1:11" ht="15" customHeight="1">
      <c r="A51" s="17" t="s">
        <v>99</v>
      </c>
      <c r="B51" s="17"/>
      <c r="C51" s="13">
        <v>335</v>
      </c>
      <c r="D51" s="19">
        <v>181</v>
      </c>
      <c r="E51" s="19">
        <v>154</v>
      </c>
      <c r="F51" s="19"/>
      <c r="G51" s="18" t="s">
        <v>100</v>
      </c>
      <c r="H51" s="17"/>
      <c r="I51" s="13">
        <v>359</v>
      </c>
      <c r="J51" s="19">
        <v>127</v>
      </c>
      <c r="K51" s="19">
        <v>232</v>
      </c>
    </row>
    <row r="52" spans="1:11" ht="15" customHeight="1">
      <c r="A52" s="17" t="s">
        <v>101</v>
      </c>
      <c r="B52" s="17"/>
      <c r="C52" s="13">
        <v>370</v>
      </c>
      <c r="D52" s="19">
        <v>184</v>
      </c>
      <c r="E52" s="19">
        <v>186</v>
      </c>
      <c r="F52" s="19"/>
      <c r="G52" s="18" t="s">
        <v>102</v>
      </c>
      <c r="H52" s="17"/>
      <c r="I52" s="13">
        <v>282</v>
      </c>
      <c r="J52" s="19">
        <v>95</v>
      </c>
      <c r="K52" s="19">
        <v>187</v>
      </c>
    </row>
    <row r="53" spans="1:11" ht="20.100000000000001" customHeight="1">
      <c r="A53" s="17" t="s">
        <v>103</v>
      </c>
      <c r="B53" s="17"/>
      <c r="C53" s="13">
        <v>2082</v>
      </c>
      <c r="D53" s="14">
        <v>1065</v>
      </c>
      <c r="E53" s="14">
        <v>1017</v>
      </c>
      <c r="F53" s="14"/>
      <c r="G53" s="18" t="s">
        <v>104</v>
      </c>
      <c r="H53" s="17"/>
      <c r="I53" s="13">
        <v>1007</v>
      </c>
      <c r="J53" s="14">
        <v>282</v>
      </c>
      <c r="K53" s="14">
        <v>725</v>
      </c>
    </row>
    <row r="54" spans="1:11" ht="15" customHeight="1">
      <c r="A54" s="17" t="s">
        <v>105</v>
      </c>
      <c r="B54" s="17"/>
      <c r="C54" s="13">
        <v>369</v>
      </c>
      <c r="D54" s="19">
        <v>190</v>
      </c>
      <c r="E54" s="19">
        <v>179</v>
      </c>
      <c r="F54" s="19"/>
      <c r="G54" s="18" t="s">
        <v>106</v>
      </c>
      <c r="H54" s="17"/>
      <c r="I54" s="13">
        <v>277</v>
      </c>
      <c r="J54" s="19">
        <v>76</v>
      </c>
      <c r="K54" s="19">
        <v>201</v>
      </c>
    </row>
    <row r="55" spans="1:11" ht="15" customHeight="1">
      <c r="A55" s="17" t="s">
        <v>107</v>
      </c>
      <c r="B55" s="17"/>
      <c r="C55" s="13">
        <v>398</v>
      </c>
      <c r="D55" s="19">
        <v>192</v>
      </c>
      <c r="E55" s="19">
        <v>206</v>
      </c>
      <c r="F55" s="19"/>
      <c r="G55" s="18" t="s">
        <v>108</v>
      </c>
      <c r="H55" s="17"/>
      <c r="I55" s="13">
        <v>263</v>
      </c>
      <c r="J55" s="19">
        <v>93</v>
      </c>
      <c r="K55" s="19">
        <v>170</v>
      </c>
    </row>
    <row r="56" spans="1:11" ht="15" customHeight="1">
      <c r="A56" s="17" t="s">
        <v>109</v>
      </c>
      <c r="B56" s="17"/>
      <c r="C56" s="13">
        <v>409</v>
      </c>
      <c r="D56" s="19">
        <v>204</v>
      </c>
      <c r="E56" s="19">
        <v>205</v>
      </c>
      <c r="F56" s="19"/>
      <c r="G56" s="18" t="s">
        <v>110</v>
      </c>
      <c r="H56" s="17"/>
      <c r="I56" s="13">
        <v>184</v>
      </c>
      <c r="J56" s="19">
        <v>50</v>
      </c>
      <c r="K56" s="19">
        <v>134</v>
      </c>
    </row>
    <row r="57" spans="1:11" ht="15" customHeight="1">
      <c r="A57" s="17" t="s">
        <v>111</v>
      </c>
      <c r="B57" s="17"/>
      <c r="C57" s="13">
        <v>436</v>
      </c>
      <c r="D57" s="19">
        <v>225</v>
      </c>
      <c r="E57" s="19">
        <v>211</v>
      </c>
      <c r="F57" s="19"/>
      <c r="G57" s="18" t="s">
        <v>112</v>
      </c>
      <c r="H57" s="17"/>
      <c r="I57" s="13">
        <v>159</v>
      </c>
      <c r="J57" s="19">
        <v>38</v>
      </c>
      <c r="K57" s="19">
        <v>121</v>
      </c>
    </row>
    <row r="58" spans="1:11" ht="15" customHeight="1">
      <c r="A58" s="17" t="s">
        <v>113</v>
      </c>
      <c r="B58" s="17"/>
      <c r="C58" s="13">
        <v>470</v>
      </c>
      <c r="D58" s="19">
        <v>254</v>
      </c>
      <c r="E58" s="19">
        <v>216</v>
      </c>
      <c r="F58" s="19"/>
      <c r="G58" s="18" t="s">
        <v>114</v>
      </c>
      <c r="H58" s="17"/>
      <c r="I58" s="13">
        <v>124</v>
      </c>
      <c r="J58" s="19">
        <v>25</v>
      </c>
      <c r="K58" s="19">
        <v>99</v>
      </c>
    </row>
    <row r="59" spans="1:11" ht="20.100000000000001" customHeight="1">
      <c r="A59" s="17" t="s">
        <v>115</v>
      </c>
      <c r="B59" s="17"/>
      <c r="C59" s="13">
        <v>2732</v>
      </c>
      <c r="D59" s="14">
        <v>1394</v>
      </c>
      <c r="E59" s="14">
        <v>1338</v>
      </c>
      <c r="F59" s="14"/>
      <c r="G59" s="18" t="s">
        <v>116</v>
      </c>
      <c r="H59" s="17"/>
      <c r="I59" s="13">
        <v>292</v>
      </c>
      <c r="J59" s="14">
        <v>61</v>
      </c>
      <c r="K59" s="14">
        <v>231</v>
      </c>
    </row>
    <row r="60" spans="1:11" ht="15" customHeight="1">
      <c r="A60" s="17" t="s">
        <v>117</v>
      </c>
      <c r="B60" s="17"/>
      <c r="C60" s="13">
        <v>473</v>
      </c>
      <c r="D60" s="19">
        <v>237</v>
      </c>
      <c r="E60" s="19">
        <v>236</v>
      </c>
      <c r="F60" s="19"/>
      <c r="G60" s="18" t="s">
        <v>118</v>
      </c>
      <c r="H60" s="17"/>
      <c r="I60" s="13">
        <v>111</v>
      </c>
      <c r="J60" s="19">
        <v>30</v>
      </c>
      <c r="K60" s="19">
        <v>81</v>
      </c>
    </row>
    <row r="61" spans="1:11" ht="15" customHeight="1">
      <c r="A61" s="17" t="s">
        <v>119</v>
      </c>
      <c r="B61" s="17"/>
      <c r="C61" s="13">
        <v>522</v>
      </c>
      <c r="D61" s="19">
        <v>263</v>
      </c>
      <c r="E61" s="19">
        <v>259</v>
      </c>
      <c r="F61" s="19"/>
      <c r="G61" s="18" t="s">
        <v>120</v>
      </c>
      <c r="H61" s="17"/>
      <c r="I61" s="13">
        <v>64</v>
      </c>
      <c r="J61" s="19">
        <v>13</v>
      </c>
      <c r="K61" s="19">
        <v>51</v>
      </c>
    </row>
    <row r="62" spans="1:11" ht="15" customHeight="1">
      <c r="A62" s="17" t="s">
        <v>121</v>
      </c>
      <c r="B62" s="17"/>
      <c r="C62" s="13">
        <v>505</v>
      </c>
      <c r="D62" s="19">
        <v>268</v>
      </c>
      <c r="E62" s="19">
        <v>237</v>
      </c>
      <c r="F62" s="19"/>
      <c r="G62" s="18" t="s">
        <v>122</v>
      </c>
      <c r="H62" s="17"/>
      <c r="I62" s="13">
        <v>62</v>
      </c>
      <c r="J62" s="19">
        <v>10</v>
      </c>
      <c r="K62" s="19">
        <v>52</v>
      </c>
    </row>
    <row r="63" spans="1:11" ht="15" customHeight="1">
      <c r="A63" s="17" t="s">
        <v>123</v>
      </c>
      <c r="B63" s="17"/>
      <c r="C63" s="13">
        <v>580</v>
      </c>
      <c r="D63" s="19">
        <v>292</v>
      </c>
      <c r="E63" s="19">
        <v>288</v>
      </c>
      <c r="F63" s="19"/>
      <c r="G63" s="18" t="s">
        <v>124</v>
      </c>
      <c r="H63" s="17"/>
      <c r="I63" s="13">
        <v>32</v>
      </c>
      <c r="J63" s="19">
        <v>6</v>
      </c>
      <c r="K63" s="19">
        <v>26</v>
      </c>
    </row>
    <row r="64" spans="1:11" ht="15" customHeight="1">
      <c r="A64" s="17" t="s">
        <v>125</v>
      </c>
      <c r="B64" s="17"/>
      <c r="C64" s="13">
        <v>652</v>
      </c>
      <c r="D64" s="19">
        <v>334</v>
      </c>
      <c r="E64" s="19">
        <v>318</v>
      </c>
      <c r="F64" s="19"/>
      <c r="G64" s="18" t="s">
        <v>126</v>
      </c>
      <c r="H64" s="17"/>
      <c r="I64" s="13">
        <v>23</v>
      </c>
      <c r="J64" s="19">
        <v>2</v>
      </c>
      <c r="K64" s="19">
        <v>21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49</v>
      </c>
      <c r="J65" s="19">
        <v>4</v>
      </c>
      <c r="K65" s="19">
        <v>45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175</v>
      </c>
      <c r="J66" s="27">
        <v>68</v>
      </c>
      <c r="K66" s="27">
        <v>107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0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1651</v>
      </c>
      <c r="D4" s="14">
        <v>14872</v>
      </c>
      <c r="E4" s="14">
        <v>1677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93</v>
      </c>
      <c r="D5" s="14">
        <v>459</v>
      </c>
      <c r="E5" s="14">
        <v>434</v>
      </c>
      <c r="F5" s="14"/>
      <c r="G5" s="18" t="s">
        <v>8</v>
      </c>
      <c r="H5" s="17"/>
      <c r="I5" s="13">
        <v>2826</v>
      </c>
      <c r="J5" s="14">
        <v>1353</v>
      </c>
      <c r="K5" s="14">
        <v>1473</v>
      </c>
    </row>
    <row r="6" spans="1:11" ht="15" customHeight="1">
      <c r="A6" s="17" t="s">
        <v>9</v>
      </c>
      <c r="B6" s="17"/>
      <c r="C6" s="13">
        <v>140</v>
      </c>
      <c r="D6" s="19">
        <v>77</v>
      </c>
      <c r="E6" s="19">
        <v>63</v>
      </c>
      <c r="F6" s="19"/>
      <c r="G6" s="18" t="s">
        <v>10</v>
      </c>
      <c r="H6" s="17"/>
      <c r="I6" s="13">
        <v>604</v>
      </c>
      <c r="J6" s="19">
        <v>287</v>
      </c>
      <c r="K6" s="19">
        <v>317</v>
      </c>
    </row>
    <row r="7" spans="1:11" ht="15" customHeight="1">
      <c r="A7" s="17" t="s">
        <v>11</v>
      </c>
      <c r="B7" s="17"/>
      <c r="C7" s="13">
        <v>161</v>
      </c>
      <c r="D7" s="19">
        <v>80</v>
      </c>
      <c r="E7" s="19">
        <v>81</v>
      </c>
      <c r="F7" s="19"/>
      <c r="G7" s="18" t="s">
        <v>12</v>
      </c>
      <c r="H7" s="17"/>
      <c r="I7" s="13">
        <v>537</v>
      </c>
      <c r="J7" s="19">
        <v>244</v>
      </c>
      <c r="K7" s="19">
        <v>293</v>
      </c>
    </row>
    <row r="8" spans="1:11" ht="15" customHeight="1">
      <c r="A8" s="17" t="s">
        <v>13</v>
      </c>
      <c r="B8" s="17"/>
      <c r="C8" s="13">
        <v>174</v>
      </c>
      <c r="D8" s="19">
        <v>88</v>
      </c>
      <c r="E8" s="19">
        <v>86</v>
      </c>
      <c r="F8" s="19"/>
      <c r="G8" s="18" t="s">
        <v>14</v>
      </c>
      <c r="H8" s="17"/>
      <c r="I8" s="13">
        <v>587</v>
      </c>
      <c r="J8" s="19">
        <v>272</v>
      </c>
      <c r="K8" s="19">
        <v>315</v>
      </c>
    </row>
    <row r="9" spans="1:11" ht="15" customHeight="1">
      <c r="A9" s="17" t="s">
        <v>15</v>
      </c>
      <c r="B9" s="17"/>
      <c r="C9" s="13">
        <v>190</v>
      </c>
      <c r="D9" s="19">
        <v>91</v>
      </c>
      <c r="E9" s="19">
        <v>99</v>
      </c>
      <c r="F9" s="19"/>
      <c r="G9" s="18" t="s">
        <v>16</v>
      </c>
      <c r="H9" s="17"/>
      <c r="I9" s="13">
        <v>548</v>
      </c>
      <c r="J9" s="19">
        <v>274</v>
      </c>
      <c r="K9" s="19">
        <v>274</v>
      </c>
    </row>
    <row r="10" spans="1:11" ht="15" customHeight="1">
      <c r="A10" s="17" t="s">
        <v>17</v>
      </c>
      <c r="B10" s="17"/>
      <c r="C10" s="13">
        <v>228</v>
      </c>
      <c r="D10" s="19">
        <v>123</v>
      </c>
      <c r="E10" s="19">
        <v>105</v>
      </c>
      <c r="F10" s="19"/>
      <c r="G10" s="18" t="s">
        <v>18</v>
      </c>
      <c r="H10" s="17"/>
      <c r="I10" s="13">
        <v>550</v>
      </c>
      <c r="J10" s="19">
        <v>276</v>
      </c>
      <c r="K10" s="19">
        <v>274</v>
      </c>
    </row>
    <row r="11" spans="1:11" ht="20.100000000000001" customHeight="1">
      <c r="A11" s="17" t="s">
        <v>19</v>
      </c>
      <c r="B11" s="17"/>
      <c r="C11" s="13">
        <v>1435</v>
      </c>
      <c r="D11" s="14">
        <v>762</v>
      </c>
      <c r="E11" s="14">
        <v>673</v>
      </c>
      <c r="F11" s="14"/>
      <c r="G11" s="18" t="s">
        <v>20</v>
      </c>
      <c r="H11" s="17"/>
      <c r="I11" s="13">
        <v>2261</v>
      </c>
      <c r="J11" s="14">
        <v>1148</v>
      </c>
      <c r="K11" s="14">
        <v>1113</v>
      </c>
    </row>
    <row r="12" spans="1:11" ht="15" customHeight="1">
      <c r="A12" s="17" t="s">
        <v>21</v>
      </c>
      <c r="B12" s="17"/>
      <c r="C12" s="13">
        <v>251</v>
      </c>
      <c r="D12" s="19">
        <v>131</v>
      </c>
      <c r="E12" s="19">
        <v>120</v>
      </c>
      <c r="F12" s="19"/>
      <c r="G12" s="18" t="s">
        <v>22</v>
      </c>
      <c r="H12" s="17"/>
      <c r="I12" s="13">
        <v>402</v>
      </c>
      <c r="J12" s="19">
        <v>200</v>
      </c>
      <c r="K12" s="19">
        <v>202</v>
      </c>
    </row>
    <row r="13" spans="1:11" ht="15" customHeight="1">
      <c r="A13" s="17" t="s">
        <v>23</v>
      </c>
      <c r="B13" s="17"/>
      <c r="C13" s="13">
        <v>310</v>
      </c>
      <c r="D13" s="19">
        <v>161</v>
      </c>
      <c r="E13" s="19">
        <v>149</v>
      </c>
      <c r="F13" s="19"/>
      <c r="G13" s="18" t="s">
        <v>24</v>
      </c>
      <c r="H13" s="17"/>
      <c r="I13" s="13">
        <v>535</v>
      </c>
      <c r="J13" s="19">
        <v>262</v>
      </c>
      <c r="K13" s="19">
        <v>273</v>
      </c>
    </row>
    <row r="14" spans="1:11" ht="15" customHeight="1">
      <c r="A14" s="17" t="s">
        <v>25</v>
      </c>
      <c r="B14" s="17"/>
      <c r="C14" s="13">
        <v>266</v>
      </c>
      <c r="D14" s="19">
        <v>149</v>
      </c>
      <c r="E14" s="19">
        <v>117</v>
      </c>
      <c r="F14" s="19"/>
      <c r="G14" s="18" t="s">
        <v>26</v>
      </c>
      <c r="H14" s="17"/>
      <c r="I14" s="13">
        <v>471</v>
      </c>
      <c r="J14" s="19">
        <v>250</v>
      </c>
      <c r="K14" s="19">
        <v>221</v>
      </c>
    </row>
    <row r="15" spans="1:11" ht="15" customHeight="1">
      <c r="A15" s="17" t="s">
        <v>27</v>
      </c>
      <c r="B15" s="17"/>
      <c r="C15" s="13">
        <v>311</v>
      </c>
      <c r="D15" s="19">
        <v>164</v>
      </c>
      <c r="E15" s="19">
        <v>147</v>
      </c>
      <c r="F15" s="19"/>
      <c r="G15" s="18" t="s">
        <v>28</v>
      </c>
      <c r="H15" s="17"/>
      <c r="I15" s="13">
        <v>418</v>
      </c>
      <c r="J15" s="19">
        <v>212</v>
      </c>
      <c r="K15" s="19">
        <v>206</v>
      </c>
    </row>
    <row r="16" spans="1:11" ht="15" customHeight="1">
      <c r="A16" s="17" t="s">
        <v>29</v>
      </c>
      <c r="B16" s="17"/>
      <c r="C16" s="13">
        <v>297</v>
      </c>
      <c r="D16" s="19">
        <v>157</v>
      </c>
      <c r="E16" s="19">
        <v>140</v>
      </c>
      <c r="F16" s="19"/>
      <c r="G16" s="18" t="s">
        <v>30</v>
      </c>
      <c r="H16" s="17"/>
      <c r="I16" s="13">
        <v>435</v>
      </c>
      <c r="J16" s="19">
        <v>224</v>
      </c>
      <c r="K16" s="19">
        <v>211</v>
      </c>
    </row>
    <row r="17" spans="1:11" ht="20.100000000000001" customHeight="1">
      <c r="A17" s="20" t="s">
        <v>31</v>
      </c>
      <c r="B17" s="20"/>
      <c r="C17" s="13">
        <v>1631</v>
      </c>
      <c r="D17" s="14">
        <v>824</v>
      </c>
      <c r="E17" s="14">
        <v>807</v>
      </c>
      <c r="F17" s="14"/>
      <c r="G17" s="18" t="s">
        <v>32</v>
      </c>
      <c r="H17" s="17"/>
      <c r="I17" s="13">
        <v>1734</v>
      </c>
      <c r="J17" s="14">
        <v>868</v>
      </c>
      <c r="K17" s="14">
        <v>866</v>
      </c>
    </row>
    <row r="18" spans="1:11" ht="15" customHeight="1">
      <c r="A18" s="17" t="s">
        <v>33</v>
      </c>
      <c r="B18" s="17"/>
      <c r="C18" s="13">
        <v>302</v>
      </c>
      <c r="D18" s="19">
        <v>143</v>
      </c>
      <c r="E18" s="19">
        <v>159</v>
      </c>
      <c r="F18" s="19"/>
      <c r="G18" s="18" t="s">
        <v>34</v>
      </c>
      <c r="H18" s="17"/>
      <c r="I18" s="13">
        <v>378</v>
      </c>
      <c r="J18" s="19">
        <v>183</v>
      </c>
      <c r="K18" s="19">
        <v>195</v>
      </c>
    </row>
    <row r="19" spans="1:11" ht="15" customHeight="1">
      <c r="A19" s="17" t="s">
        <v>35</v>
      </c>
      <c r="B19" s="17"/>
      <c r="C19" s="13">
        <v>339</v>
      </c>
      <c r="D19" s="19">
        <v>165</v>
      </c>
      <c r="E19" s="19">
        <v>174</v>
      </c>
      <c r="F19" s="19"/>
      <c r="G19" s="18" t="s">
        <v>36</v>
      </c>
      <c r="H19" s="17"/>
      <c r="I19" s="13">
        <v>335</v>
      </c>
      <c r="J19" s="19">
        <v>166</v>
      </c>
      <c r="K19" s="19">
        <v>169</v>
      </c>
    </row>
    <row r="20" spans="1:11" ht="15" customHeight="1">
      <c r="A20" s="17" t="s">
        <v>37</v>
      </c>
      <c r="B20" s="17"/>
      <c r="C20" s="13">
        <v>331</v>
      </c>
      <c r="D20" s="19">
        <v>177</v>
      </c>
      <c r="E20" s="19">
        <v>154</v>
      </c>
      <c r="F20" s="19"/>
      <c r="G20" s="18" t="s">
        <v>38</v>
      </c>
      <c r="H20" s="17"/>
      <c r="I20" s="13">
        <v>391</v>
      </c>
      <c r="J20" s="19">
        <v>197</v>
      </c>
      <c r="K20" s="19">
        <v>194</v>
      </c>
    </row>
    <row r="21" spans="1:11" ht="15" customHeight="1">
      <c r="A21" s="17" t="s">
        <v>39</v>
      </c>
      <c r="B21" s="17"/>
      <c r="C21" s="13">
        <v>306</v>
      </c>
      <c r="D21" s="19">
        <v>163</v>
      </c>
      <c r="E21" s="19">
        <v>143</v>
      </c>
      <c r="F21" s="19"/>
      <c r="G21" s="18" t="s">
        <v>40</v>
      </c>
      <c r="H21" s="17"/>
      <c r="I21" s="13">
        <v>320</v>
      </c>
      <c r="J21" s="19">
        <v>166</v>
      </c>
      <c r="K21" s="19">
        <v>154</v>
      </c>
    </row>
    <row r="22" spans="1:11" ht="15" customHeight="1">
      <c r="A22" s="17" t="s">
        <v>41</v>
      </c>
      <c r="B22" s="17"/>
      <c r="C22" s="13">
        <v>353</v>
      </c>
      <c r="D22" s="19">
        <v>176</v>
      </c>
      <c r="E22" s="19">
        <v>177</v>
      </c>
      <c r="F22" s="19"/>
      <c r="G22" s="18" t="s">
        <v>42</v>
      </c>
      <c r="H22" s="17"/>
      <c r="I22" s="13">
        <v>310</v>
      </c>
      <c r="J22" s="19">
        <v>156</v>
      </c>
      <c r="K22" s="19">
        <v>154</v>
      </c>
    </row>
    <row r="23" spans="1:11" ht="20.100000000000001" customHeight="1">
      <c r="A23" s="17" t="s">
        <v>43</v>
      </c>
      <c r="B23" s="17"/>
      <c r="C23" s="13">
        <v>1480</v>
      </c>
      <c r="D23" s="14">
        <v>764</v>
      </c>
      <c r="E23" s="14">
        <v>716</v>
      </c>
      <c r="F23" s="14"/>
      <c r="G23" s="18" t="s">
        <v>44</v>
      </c>
      <c r="H23" s="17"/>
      <c r="I23" s="13">
        <v>1764</v>
      </c>
      <c r="J23" s="14">
        <v>811</v>
      </c>
      <c r="K23" s="14">
        <v>953</v>
      </c>
    </row>
    <row r="24" spans="1:11" ht="15" customHeight="1">
      <c r="A24" s="17" t="s">
        <v>45</v>
      </c>
      <c r="B24" s="17"/>
      <c r="C24" s="13">
        <v>279</v>
      </c>
      <c r="D24" s="19">
        <v>151</v>
      </c>
      <c r="E24" s="19">
        <v>128</v>
      </c>
      <c r="F24" s="19"/>
      <c r="G24" s="18" t="s">
        <v>46</v>
      </c>
      <c r="H24" s="17"/>
      <c r="I24" s="13">
        <v>326</v>
      </c>
      <c r="J24" s="19">
        <v>159</v>
      </c>
      <c r="K24" s="19">
        <v>167</v>
      </c>
    </row>
    <row r="25" spans="1:11" ht="15" customHeight="1">
      <c r="A25" s="17" t="s">
        <v>47</v>
      </c>
      <c r="B25" s="17"/>
      <c r="C25" s="13">
        <v>277</v>
      </c>
      <c r="D25" s="19">
        <v>138</v>
      </c>
      <c r="E25" s="19">
        <v>139</v>
      </c>
      <c r="F25" s="19"/>
      <c r="G25" s="18" t="s">
        <v>48</v>
      </c>
      <c r="H25" s="17"/>
      <c r="I25" s="13">
        <v>332</v>
      </c>
      <c r="J25" s="19">
        <v>143</v>
      </c>
      <c r="K25" s="19">
        <v>189</v>
      </c>
    </row>
    <row r="26" spans="1:11" ht="15" customHeight="1">
      <c r="A26" s="17" t="s">
        <v>49</v>
      </c>
      <c r="B26" s="17"/>
      <c r="C26" s="13">
        <v>319</v>
      </c>
      <c r="D26" s="19">
        <v>164</v>
      </c>
      <c r="E26" s="19">
        <v>155</v>
      </c>
      <c r="F26" s="19"/>
      <c r="G26" s="18" t="s">
        <v>50</v>
      </c>
      <c r="H26" s="17"/>
      <c r="I26" s="13">
        <v>371</v>
      </c>
      <c r="J26" s="19">
        <v>187</v>
      </c>
      <c r="K26" s="19">
        <v>184</v>
      </c>
    </row>
    <row r="27" spans="1:11" ht="15" customHeight="1">
      <c r="A27" s="17" t="s">
        <v>51</v>
      </c>
      <c r="B27" s="17"/>
      <c r="C27" s="13">
        <v>295</v>
      </c>
      <c r="D27" s="19">
        <v>142</v>
      </c>
      <c r="E27" s="19">
        <v>153</v>
      </c>
      <c r="F27" s="19"/>
      <c r="G27" s="18" t="s">
        <v>52</v>
      </c>
      <c r="H27" s="17"/>
      <c r="I27" s="13">
        <v>357</v>
      </c>
      <c r="J27" s="19">
        <v>157</v>
      </c>
      <c r="K27" s="19">
        <v>200</v>
      </c>
    </row>
    <row r="28" spans="1:11" ht="15" customHeight="1">
      <c r="A28" s="17" t="s">
        <v>53</v>
      </c>
      <c r="B28" s="17"/>
      <c r="C28" s="13">
        <v>310</v>
      </c>
      <c r="D28" s="19">
        <v>169</v>
      </c>
      <c r="E28" s="19">
        <v>141</v>
      </c>
      <c r="F28" s="19"/>
      <c r="G28" s="18" t="s">
        <v>54</v>
      </c>
      <c r="H28" s="17"/>
      <c r="I28" s="13">
        <v>378</v>
      </c>
      <c r="J28" s="19">
        <v>165</v>
      </c>
      <c r="K28" s="19">
        <v>213</v>
      </c>
    </row>
    <row r="29" spans="1:11" ht="20.100000000000001" customHeight="1">
      <c r="A29" s="17" t="s">
        <v>55</v>
      </c>
      <c r="B29" s="17"/>
      <c r="C29" s="13">
        <v>1139</v>
      </c>
      <c r="D29" s="14">
        <v>555</v>
      </c>
      <c r="E29" s="14">
        <v>584</v>
      </c>
      <c r="F29" s="14"/>
      <c r="G29" s="18" t="s">
        <v>56</v>
      </c>
      <c r="H29" s="17"/>
      <c r="I29" s="13">
        <v>2486</v>
      </c>
      <c r="J29" s="14">
        <v>1105</v>
      </c>
      <c r="K29" s="14">
        <v>1381</v>
      </c>
    </row>
    <row r="30" spans="1:11" ht="15" customHeight="1">
      <c r="A30" s="17" t="s">
        <v>57</v>
      </c>
      <c r="B30" s="17"/>
      <c r="C30" s="13">
        <v>291</v>
      </c>
      <c r="D30" s="19">
        <v>146</v>
      </c>
      <c r="E30" s="19">
        <v>145</v>
      </c>
      <c r="F30" s="19"/>
      <c r="G30" s="18" t="s">
        <v>58</v>
      </c>
      <c r="H30" s="17"/>
      <c r="I30" s="13">
        <v>379</v>
      </c>
      <c r="J30" s="19">
        <v>180</v>
      </c>
      <c r="K30" s="19">
        <v>199</v>
      </c>
    </row>
    <row r="31" spans="1:11" ht="15" customHeight="1">
      <c r="A31" s="17" t="s">
        <v>59</v>
      </c>
      <c r="B31" s="17"/>
      <c r="C31" s="13">
        <v>246</v>
      </c>
      <c r="D31" s="19">
        <v>115</v>
      </c>
      <c r="E31" s="19">
        <v>131</v>
      </c>
      <c r="F31" s="19"/>
      <c r="G31" s="18" t="s">
        <v>60</v>
      </c>
      <c r="H31" s="17"/>
      <c r="I31" s="13">
        <v>430</v>
      </c>
      <c r="J31" s="19">
        <v>182</v>
      </c>
      <c r="K31" s="19">
        <v>248</v>
      </c>
    </row>
    <row r="32" spans="1:11" ht="15" customHeight="1">
      <c r="A32" s="17" t="s">
        <v>61</v>
      </c>
      <c r="B32" s="17"/>
      <c r="C32" s="13">
        <v>203</v>
      </c>
      <c r="D32" s="19">
        <v>104</v>
      </c>
      <c r="E32" s="19">
        <v>99</v>
      </c>
      <c r="F32" s="19"/>
      <c r="G32" s="18" t="s">
        <v>62</v>
      </c>
      <c r="H32" s="17"/>
      <c r="I32" s="13">
        <v>521</v>
      </c>
      <c r="J32" s="19">
        <v>239</v>
      </c>
      <c r="K32" s="19">
        <v>282</v>
      </c>
    </row>
    <row r="33" spans="1:11" ht="15" customHeight="1">
      <c r="A33" s="17" t="s">
        <v>63</v>
      </c>
      <c r="B33" s="17"/>
      <c r="C33" s="13">
        <v>255</v>
      </c>
      <c r="D33" s="19">
        <v>121</v>
      </c>
      <c r="E33" s="19">
        <v>134</v>
      </c>
      <c r="F33" s="19"/>
      <c r="G33" s="18" t="s">
        <v>64</v>
      </c>
      <c r="H33" s="17"/>
      <c r="I33" s="13">
        <v>568</v>
      </c>
      <c r="J33" s="19">
        <v>254</v>
      </c>
      <c r="K33" s="19">
        <v>314</v>
      </c>
    </row>
    <row r="34" spans="1:11" ht="15" customHeight="1">
      <c r="A34" s="17" t="s">
        <v>65</v>
      </c>
      <c r="B34" s="17"/>
      <c r="C34" s="13">
        <v>144</v>
      </c>
      <c r="D34" s="19">
        <v>69</v>
      </c>
      <c r="E34" s="19">
        <v>75</v>
      </c>
      <c r="F34" s="19"/>
      <c r="G34" s="18" t="s">
        <v>66</v>
      </c>
      <c r="H34" s="17"/>
      <c r="I34" s="13">
        <v>588</v>
      </c>
      <c r="J34" s="19">
        <v>250</v>
      </c>
      <c r="K34" s="19">
        <v>338</v>
      </c>
    </row>
    <row r="35" spans="1:11" ht="20.100000000000001" customHeight="1">
      <c r="A35" s="17" t="s">
        <v>67</v>
      </c>
      <c r="B35" s="17"/>
      <c r="C35" s="13">
        <v>704</v>
      </c>
      <c r="D35" s="14">
        <v>327</v>
      </c>
      <c r="E35" s="14">
        <v>377</v>
      </c>
      <c r="F35" s="14"/>
      <c r="G35" s="18" t="s">
        <v>68</v>
      </c>
      <c r="H35" s="17"/>
      <c r="I35" s="13">
        <v>2121</v>
      </c>
      <c r="J35" s="14">
        <v>931</v>
      </c>
      <c r="K35" s="14">
        <v>1190</v>
      </c>
    </row>
    <row r="36" spans="1:11" ht="15" customHeight="1">
      <c r="A36" s="17" t="s">
        <v>69</v>
      </c>
      <c r="B36" s="17"/>
      <c r="C36" s="13">
        <v>175</v>
      </c>
      <c r="D36" s="19">
        <v>83</v>
      </c>
      <c r="E36" s="19">
        <v>92</v>
      </c>
      <c r="F36" s="19"/>
      <c r="G36" s="18" t="s">
        <v>70</v>
      </c>
      <c r="H36" s="17"/>
      <c r="I36" s="13">
        <v>416</v>
      </c>
      <c r="J36" s="19">
        <v>162</v>
      </c>
      <c r="K36" s="19">
        <v>254</v>
      </c>
    </row>
    <row r="37" spans="1:11" ht="15" customHeight="1">
      <c r="A37" s="17" t="s">
        <v>71</v>
      </c>
      <c r="B37" s="17"/>
      <c r="C37" s="13">
        <v>134</v>
      </c>
      <c r="D37" s="19">
        <v>61</v>
      </c>
      <c r="E37" s="19">
        <v>73</v>
      </c>
      <c r="F37" s="19"/>
      <c r="G37" s="18" t="s">
        <v>72</v>
      </c>
      <c r="H37" s="17"/>
      <c r="I37" s="13">
        <v>360</v>
      </c>
      <c r="J37" s="19">
        <v>165</v>
      </c>
      <c r="K37" s="19">
        <v>195</v>
      </c>
    </row>
    <row r="38" spans="1:11" ht="15" customHeight="1">
      <c r="A38" s="17" t="s">
        <v>73</v>
      </c>
      <c r="B38" s="17"/>
      <c r="C38" s="13">
        <v>129</v>
      </c>
      <c r="D38" s="19">
        <v>69</v>
      </c>
      <c r="E38" s="19">
        <v>60</v>
      </c>
      <c r="F38" s="19"/>
      <c r="G38" s="18" t="s">
        <v>74</v>
      </c>
      <c r="H38" s="17"/>
      <c r="I38" s="13">
        <v>443</v>
      </c>
      <c r="J38" s="19">
        <v>195</v>
      </c>
      <c r="K38" s="19">
        <v>248</v>
      </c>
    </row>
    <row r="39" spans="1:11" ht="15" customHeight="1">
      <c r="A39" s="17" t="s">
        <v>75</v>
      </c>
      <c r="B39" s="17"/>
      <c r="C39" s="13">
        <v>136</v>
      </c>
      <c r="D39" s="19">
        <v>60</v>
      </c>
      <c r="E39" s="19">
        <v>76</v>
      </c>
      <c r="F39" s="19"/>
      <c r="G39" s="18" t="s">
        <v>76</v>
      </c>
      <c r="H39" s="17"/>
      <c r="I39" s="13">
        <v>478</v>
      </c>
      <c r="J39" s="19">
        <v>216</v>
      </c>
      <c r="K39" s="19">
        <v>262</v>
      </c>
    </row>
    <row r="40" spans="1:11" ht="15" customHeight="1">
      <c r="A40" s="17" t="s">
        <v>77</v>
      </c>
      <c r="B40" s="17"/>
      <c r="C40" s="13">
        <v>130</v>
      </c>
      <c r="D40" s="19">
        <v>54</v>
      </c>
      <c r="E40" s="19">
        <v>76</v>
      </c>
      <c r="F40" s="19"/>
      <c r="G40" s="18" t="s">
        <v>78</v>
      </c>
      <c r="H40" s="17"/>
      <c r="I40" s="13">
        <v>424</v>
      </c>
      <c r="J40" s="19">
        <v>193</v>
      </c>
      <c r="K40" s="19">
        <v>231</v>
      </c>
    </row>
    <row r="41" spans="1:11" ht="20.100000000000001" customHeight="1">
      <c r="A41" s="17" t="s">
        <v>79</v>
      </c>
      <c r="B41" s="17"/>
      <c r="C41" s="13">
        <v>779</v>
      </c>
      <c r="D41" s="14">
        <v>359</v>
      </c>
      <c r="E41" s="14">
        <v>420</v>
      </c>
      <c r="F41" s="14"/>
      <c r="G41" s="18" t="s">
        <v>80</v>
      </c>
      <c r="H41" s="17"/>
      <c r="I41" s="13">
        <v>1689</v>
      </c>
      <c r="J41" s="14">
        <v>712</v>
      </c>
      <c r="K41" s="14">
        <v>977</v>
      </c>
    </row>
    <row r="42" spans="1:11" ht="15" customHeight="1">
      <c r="A42" s="17" t="s">
        <v>81</v>
      </c>
      <c r="B42" s="17"/>
      <c r="C42" s="13">
        <v>121</v>
      </c>
      <c r="D42" s="19">
        <v>47</v>
      </c>
      <c r="E42" s="19">
        <v>74</v>
      </c>
      <c r="F42" s="19"/>
      <c r="G42" s="18" t="s">
        <v>82</v>
      </c>
      <c r="H42" s="17"/>
      <c r="I42" s="13">
        <v>429</v>
      </c>
      <c r="J42" s="19">
        <v>175</v>
      </c>
      <c r="K42" s="19">
        <v>254</v>
      </c>
    </row>
    <row r="43" spans="1:11" ht="15" customHeight="1">
      <c r="A43" s="17" t="s">
        <v>83</v>
      </c>
      <c r="B43" s="17"/>
      <c r="C43" s="13">
        <v>166</v>
      </c>
      <c r="D43" s="19">
        <v>79</v>
      </c>
      <c r="E43" s="19">
        <v>87</v>
      </c>
      <c r="F43" s="19"/>
      <c r="G43" s="18" t="s">
        <v>84</v>
      </c>
      <c r="H43" s="17"/>
      <c r="I43" s="13">
        <v>362</v>
      </c>
      <c r="J43" s="19">
        <v>152</v>
      </c>
      <c r="K43" s="19">
        <v>210</v>
      </c>
    </row>
    <row r="44" spans="1:11" ht="15" customHeight="1">
      <c r="A44" s="17" t="s">
        <v>85</v>
      </c>
      <c r="B44" s="17"/>
      <c r="C44" s="13">
        <v>155</v>
      </c>
      <c r="D44" s="19">
        <v>77</v>
      </c>
      <c r="E44" s="19">
        <v>78</v>
      </c>
      <c r="F44" s="19"/>
      <c r="G44" s="18" t="s">
        <v>86</v>
      </c>
      <c r="H44" s="17"/>
      <c r="I44" s="13">
        <v>297</v>
      </c>
      <c r="J44" s="19">
        <v>133</v>
      </c>
      <c r="K44" s="19">
        <v>164</v>
      </c>
    </row>
    <row r="45" spans="1:11" ht="15" customHeight="1">
      <c r="A45" s="17" t="s">
        <v>87</v>
      </c>
      <c r="B45" s="17"/>
      <c r="C45" s="13">
        <v>165</v>
      </c>
      <c r="D45" s="19">
        <v>77</v>
      </c>
      <c r="E45" s="19">
        <v>88</v>
      </c>
      <c r="F45" s="19"/>
      <c r="G45" s="18" t="s">
        <v>88</v>
      </c>
      <c r="H45" s="17"/>
      <c r="I45" s="13">
        <v>314</v>
      </c>
      <c r="J45" s="19">
        <v>121</v>
      </c>
      <c r="K45" s="19">
        <v>193</v>
      </c>
    </row>
    <row r="46" spans="1:11" ht="15" customHeight="1">
      <c r="A46" s="17" t="s">
        <v>89</v>
      </c>
      <c r="B46" s="17"/>
      <c r="C46" s="13">
        <v>172</v>
      </c>
      <c r="D46" s="19">
        <v>79</v>
      </c>
      <c r="E46" s="19">
        <v>93</v>
      </c>
      <c r="F46" s="19"/>
      <c r="G46" s="18" t="s">
        <v>90</v>
      </c>
      <c r="H46" s="17"/>
      <c r="I46" s="13">
        <v>287</v>
      </c>
      <c r="J46" s="19">
        <v>131</v>
      </c>
      <c r="K46" s="19">
        <v>156</v>
      </c>
    </row>
    <row r="47" spans="1:11" ht="20.100000000000001" customHeight="1">
      <c r="A47" s="17" t="s">
        <v>91</v>
      </c>
      <c r="B47" s="17"/>
      <c r="C47" s="13">
        <v>1362</v>
      </c>
      <c r="D47" s="14">
        <v>604</v>
      </c>
      <c r="E47" s="14">
        <v>758</v>
      </c>
      <c r="F47" s="14"/>
      <c r="G47" s="18" t="s">
        <v>92</v>
      </c>
      <c r="H47" s="17"/>
      <c r="I47" s="13">
        <v>1186</v>
      </c>
      <c r="J47" s="14">
        <v>481</v>
      </c>
      <c r="K47" s="14">
        <v>705</v>
      </c>
    </row>
    <row r="48" spans="1:11" ht="15" customHeight="1">
      <c r="A48" s="17" t="s">
        <v>93</v>
      </c>
      <c r="B48" s="17"/>
      <c r="C48" s="13">
        <v>214</v>
      </c>
      <c r="D48" s="19">
        <v>96</v>
      </c>
      <c r="E48" s="19">
        <v>118</v>
      </c>
      <c r="F48" s="19"/>
      <c r="G48" s="18" t="s">
        <v>94</v>
      </c>
      <c r="H48" s="17"/>
      <c r="I48" s="13">
        <v>302</v>
      </c>
      <c r="J48" s="19">
        <v>123</v>
      </c>
      <c r="K48" s="19">
        <v>179</v>
      </c>
    </row>
    <row r="49" spans="1:11" ht="15" customHeight="1">
      <c r="A49" s="17" t="s">
        <v>95</v>
      </c>
      <c r="B49" s="17"/>
      <c r="C49" s="13">
        <v>234</v>
      </c>
      <c r="D49" s="19">
        <v>95</v>
      </c>
      <c r="E49" s="19">
        <v>139</v>
      </c>
      <c r="F49" s="19"/>
      <c r="G49" s="18" t="s">
        <v>96</v>
      </c>
      <c r="H49" s="17"/>
      <c r="I49" s="13">
        <v>267</v>
      </c>
      <c r="J49" s="19">
        <v>114</v>
      </c>
      <c r="K49" s="19">
        <v>153</v>
      </c>
    </row>
    <row r="50" spans="1:11" ht="15" customHeight="1">
      <c r="A50" s="17" t="s">
        <v>97</v>
      </c>
      <c r="B50" s="17"/>
      <c r="C50" s="13">
        <v>271</v>
      </c>
      <c r="D50" s="19">
        <v>130</v>
      </c>
      <c r="E50" s="19">
        <v>141</v>
      </c>
      <c r="F50" s="19"/>
      <c r="G50" s="18" t="s">
        <v>98</v>
      </c>
      <c r="H50" s="17"/>
      <c r="I50" s="13">
        <v>237</v>
      </c>
      <c r="J50" s="19">
        <v>106</v>
      </c>
      <c r="K50" s="19">
        <v>131</v>
      </c>
    </row>
    <row r="51" spans="1:11" ht="15" customHeight="1">
      <c r="A51" s="17" t="s">
        <v>99</v>
      </c>
      <c r="B51" s="17"/>
      <c r="C51" s="13">
        <v>295</v>
      </c>
      <c r="D51" s="19">
        <v>124</v>
      </c>
      <c r="E51" s="19">
        <v>171</v>
      </c>
      <c r="F51" s="19"/>
      <c r="G51" s="18" t="s">
        <v>100</v>
      </c>
      <c r="H51" s="17"/>
      <c r="I51" s="13">
        <v>196</v>
      </c>
      <c r="J51" s="19">
        <v>72</v>
      </c>
      <c r="K51" s="19">
        <v>124</v>
      </c>
    </row>
    <row r="52" spans="1:11" ht="15" customHeight="1">
      <c r="A52" s="17" t="s">
        <v>101</v>
      </c>
      <c r="B52" s="17"/>
      <c r="C52" s="13">
        <v>348</v>
      </c>
      <c r="D52" s="19">
        <v>159</v>
      </c>
      <c r="E52" s="19">
        <v>189</v>
      </c>
      <c r="F52" s="19"/>
      <c r="G52" s="18" t="s">
        <v>102</v>
      </c>
      <c r="H52" s="17"/>
      <c r="I52" s="13">
        <v>184</v>
      </c>
      <c r="J52" s="19">
        <v>66</v>
      </c>
      <c r="K52" s="19">
        <v>118</v>
      </c>
    </row>
    <row r="53" spans="1:11" ht="20.100000000000001" customHeight="1">
      <c r="A53" s="17" t="s">
        <v>103</v>
      </c>
      <c r="B53" s="17"/>
      <c r="C53" s="13">
        <v>2064</v>
      </c>
      <c r="D53" s="14">
        <v>962</v>
      </c>
      <c r="E53" s="14">
        <v>1102</v>
      </c>
      <c r="F53" s="14"/>
      <c r="G53" s="18" t="s">
        <v>104</v>
      </c>
      <c r="H53" s="17"/>
      <c r="I53" s="13">
        <v>575</v>
      </c>
      <c r="J53" s="14">
        <v>198</v>
      </c>
      <c r="K53" s="14">
        <v>377</v>
      </c>
    </row>
    <row r="54" spans="1:11" ht="15" customHeight="1">
      <c r="A54" s="17" t="s">
        <v>105</v>
      </c>
      <c r="B54" s="17"/>
      <c r="C54" s="13">
        <v>350</v>
      </c>
      <c r="D54" s="19">
        <v>162</v>
      </c>
      <c r="E54" s="19">
        <v>188</v>
      </c>
      <c r="F54" s="19"/>
      <c r="G54" s="18" t="s">
        <v>106</v>
      </c>
      <c r="H54" s="17"/>
      <c r="I54" s="13">
        <v>152</v>
      </c>
      <c r="J54" s="19">
        <v>55</v>
      </c>
      <c r="K54" s="19">
        <v>97</v>
      </c>
    </row>
    <row r="55" spans="1:11" ht="15" customHeight="1">
      <c r="A55" s="17" t="s">
        <v>107</v>
      </c>
      <c r="B55" s="17"/>
      <c r="C55" s="13">
        <v>407</v>
      </c>
      <c r="D55" s="19">
        <v>190</v>
      </c>
      <c r="E55" s="19">
        <v>217</v>
      </c>
      <c r="F55" s="19"/>
      <c r="G55" s="18" t="s">
        <v>108</v>
      </c>
      <c r="H55" s="17"/>
      <c r="I55" s="13">
        <v>130</v>
      </c>
      <c r="J55" s="19">
        <v>59</v>
      </c>
      <c r="K55" s="19">
        <v>71</v>
      </c>
    </row>
    <row r="56" spans="1:11" ht="15" customHeight="1">
      <c r="A56" s="17" t="s">
        <v>109</v>
      </c>
      <c r="B56" s="17"/>
      <c r="C56" s="13">
        <v>447</v>
      </c>
      <c r="D56" s="19">
        <v>225</v>
      </c>
      <c r="E56" s="19">
        <v>222</v>
      </c>
      <c r="F56" s="19"/>
      <c r="G56" s="18" t="s">
        <v>110</v>
      </c>
      <c r="H56" s="17"/>
      <c r="I56" s="13">
        <v>117</v>
      </c>
      <c r="J56" s="19">
        <v>37</v>
      </c>
      <c r="K56" s="19">
        <v>80</v>
      </c>
    </row>
    <row r="57" spans="1:11" ht="15" customHeight="1">
      <c r="A57" s="17" t="s">
        <v>111</v>
      </c>
      <c r="B57" s="17"/>
      <c r="C57" s="13">
        <v>408</v>
      </c>
      <c r="D57" s="19">
        <v>170</v>
      </c>
      <c r="E57" s="19">
        <v>238</v>
      </c>
      <c r="F57" s="19"/>
      <c r="G57" s="18" t="s">
        <v>112</v>
      </c>
      <c r="H57" s="17"/>
      <c r="I57" s="13">
        <v>96</v>
      </c>
      <c r="J57" s="19">
        <v>30</v>
      </c>
      <c r="K57" s="19">
        <v>66</v>
      </c>
    </row>
    <row r="58" spans="1:11" ht="15" customHeight="1">
      <c r="A58" s="17" t="s">
        <v>113</v>
      </c>
      <c r="B58" s="17"/>
      <c r="C58" s="13">
        <v>452</v>
      </c>
      <c r="D58" s="19">
        <v>215</v>
      </c>
      <c r="E58" s="19">
        <v>237</v>
      </c>
      <c r="F58" s="19"/>
      <c r="G58" s="18" t="s">
        <v>114</v>
      </c>
      <c r="H58" s="17"/>
      <c r="I58" s="13">
        <v>80</v>
      </c>
      <c r="J58" s="19">
        <v>17</v>
      </c>
      <c r="K58" s="19">
        <v>63</v>
      </c>
    </row>
    <row r="59" spans="1:11" ht="20.100000000000001" customHeight="1">
      <c r="A59" s="17" t="s">
        <v>115</v>
      </c>
      <c r="B59" s="17"/>
      <c r="C59" s="13">
        <v>2778</v>
      </c>
      <c r="D59" s="14">
        <v>1323</v>
      </c>
      <c r="E59" s="14">
        <v>1455</v>
      </c>
      <c r="F59" s="14"/>
      <c r="G59" s="18" t="s">
        <v>116</v>
      </c>
      <c r="H59" s="17"/>
      <c r="I59" s="13">
        <v>222</v>
      </c>
      <c r="J59" s="14">
        <v>39</v>
      </c>
      <c r="K59" s="14">
        <v>183</v>
      </c>
    </row>
    <row r="60" spans="1:11" ht="15" customHeight="1">
      <c r="A60" s="17" t="s">
        <v>117</v>
      </c>
      <c r="B60" s="17"/>
      <c r="C60" s="13">
        <v>503</v>
      </c>
      <c r="D60" s="19">
        <v>239</v>
      </c>
      <c r="E60" s="19">
        <v>264</v>
      </c>
      <c r="F60" s="19"/>
      <c r="G60" s="18" t="s">
        <v>118</v>
      </c>
      <c r="H60" s="17"/>
      <c r="I60" s="13">
        <v>68</v>
      </c>
      <c r="J60" s="19">
        <v>10</v>
      </c>
      <c r="K60" s="19">
        <v>58</v>
      </c>
    </row>
    <row r="61" spans="1:11" ht="15" customHeight="1">
      <c r="A61" s="17" t="s">
        <v>119</v>
      </c>
      <c r="B61" s="17"/>
      <c r="C61" s="13">
        <v>527</v>
      </c>
      <c r="D61" s="19">
        <v>256</v>
      </c>
      <c r="E61" s="19">
        <v>271</v>
      </c>
      <c r="F61" s="19"/>
      <c r="G61" s="18" t="s">
        <v>120</v>
      </c>
      <c r="H61" s="17"/>
      <c r="I61" s="13">
        <v>69</v>
      </c>
      <c r="J61" s="19">
        <v>15</v>
      </c>
      <c r="K61" s="19">
        <v>54</v>
      </c>
    </row>
    <row r="62" spans="1:11" ht="15" customHeight="1">
      <c r="A62" s="17" t="s">
        <v>121</v>
      </c>
      <c r="B62" s="17"/>
      <c r="C62" s="13">
        <v>545</v>
      </c>
      <c r="D62" s="19">
        <v>263</v>
      </c>
      <c r="E62" s="19">
        <v>282</v>
      </c>
      <c r="F62" s="19"/>
      <c r="G62" s="18" t="s">
        <v>122</v>
      </c>
      <c r="H62" s="17"/>
      <c r="I62" s="13">
        <v>34</v>
      </c>
      <c r="J62" s="19">
        <v>8</v>
      </c>
      <c r="K62" s="19">
        <v>26</v>
      </c>
    </row>
    <row r="63" spans="1:11" ht="15" customHeight="1">
      <c r="A63" s="17" t="s">
        <v>123</v>
      </c>
      <c r="B63" s="17"/>
      <c r="C63" s="13">
        <v>617</v>
      </c>
      <c r="D63" s="19">
        <v>287</v>
      </c>
      <c r="E63" s="19">
        <v>330</v>
      </c>
      <c r="F63" s="19"/>
      <c r="G63" s="18" t="s">
        <v>124</v>
      </c>
      <c r="H63" s="17"/>
      <c r="I63" s="13">
        <v>29</v>
      </c>
      <c r="J63" s="19">
        <v>3</v>
      </c>
      <c r="K63" s="19">
        <v>26</v>
      </c>
    </row>
    <row r="64" spans="1:11" ht="15" customHeight="1">
      <c r="A64" s="17" t="s">
        <v>125</v>
      </c>
      <c r="B64" s="17"/>
      <c r="C64" s="13">
        <v>586</v>
      </c>
      <c r="D64" s="19">
        <v>278</v>
      </c>
      <c r="E64" s="19">
        <v>308</v>
      </c>
      <c r="F64" s="19"/>
      <c r="G64" s="18" t="s">
        <v>126</v>
      </c>
      <c r="H64" s="17"/>
      <c r="I64" s="13">
        <v>22</v>
      </c>
      <c r="J64" s="19">
        <v>3</v>
      </c>
      <c r="K64" s="19">
        <v>19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39</v>
      </c>
      <c r="J65" s="19">
        <v>7</v>
      </c>
      <c r="K65" s="19">
        <v>32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483</v>
      </c>
      <c r="J66" s="27">
        <v>280</v>
      </c>
      <c r="K66" s="27">
        <v>203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0</v>
      </c>
      <c r="B2" s="5"/>
      <c r="C2" s="7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586768</v>
      </c>
      <c r="D4" s="14">
        <v>796791</v>
      </c>
      <c r="E4" s="14">
        <v>78997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4333</v>
      </c>
      <c r="D5" s="14">
        <v>27644</v>
      </c>
      <c r="E5" s="14">
        <v>26689</v>
      </c>
      <c r="F5" s="14"/>
      <c r="G5" s="18" t="s">
        <v>8</v>
      </c>
      <c r="H5" s="17"/>
      <c r="I5" s="13">
        <v>129432</v>
      </c>
      <c r="J5" s="14">
        <v>67915</v>
      </c>
      <c r="K5" s="14">
        <v>61517</v>
      </c>
    </row>
    <row r="6" spans="1:11" ht="15" customHeight="1">
      <c r="A6" s="17" t="s">
        <v>9</v>
      </c>
      <c r="B6" s="17"/>
      <c r="C6" s="13">
        <v>10465</v>
      </c>
      <c r="D6" s="19">
        <v>5300</v>
      </c>
      <c r="E6" s="19">
        <v>5165</v>
      </c>
      <c r="F6" s="19"/>
      <c r="G6" s="18" t="s">
        <v>10</v>
      </c>
      <c r="H6" s="17"/>
      <c r="I6" s="13">
        <v>27258</v>
      </c>
      <c r="J6" s="19">
        <v>14278</v>
      </c>
      <c r="K6" s="19">
        <v>12980</v>
      </c>
    </row>
    <row r="7" spans="1:11" ht="15" customHeight="1">
      <c r="A7" s="17" t="s">
        <v>11</v>
      </c>
      <c r="B7" s="17"/>
      <c r="C7" s="13">
        <v>10418</v>
      </c>
      <c r="D7" s="19">
        <v>5327</v>
      </c>
      <c r="E7" s="19">
        <v>5091</v>
      </c>
      <c r="F7" s="19"/>
      <c r="G7" s="18" t="s">
        <v>12</v>
      </c>
      <c r="H7" s="17"/>
      <c r="I7" s="13">
        <v>26413</v>
      </c>
      <c r="J7" s="19">
        <v>13904</v>
      </c>
      <c r="K7" s="19">
        <v>12509</v>
      </c>
    </row>
    <row r="8" spans="1:11" ht="15" customHeight="1">
      <c r="A8" s="17" t="s">
        <v>13</v>
      </c>
      <c r="B8" s="17"/>
      <c r="C8" s="13">
        <v>10867</v>
      </c>
      <c r="D8" s="19">
        <v>5509</v>
      </c>
      <c r="E8" s="19">
        <v>5358</v>
      </c>
      <c r="F8" s="19"/>
      <c r="G8" s="18" t="s">
        <v>14</v>
      </c>
      <c r="H8" s="17"/>
      <c r="I8" s="13">
        <v>25455</v>
      </c>
      <c r="J8" s="19">
        <v>13375</v>
      </c>
      <c r="K8" s="19">
        <v>12080</v>
      </c>
    </row>
    <row r="9" spans="1:11" ht="15" customHeight="1">
      <c r="A9" s="17" t="s">
        <v>15</v>
      </c>
      <c r="B9" s="17"/>
      <c r="C9" s="13">
        <v>11188</v>
      </c>
      <c r="D9" s="19">
        <v>5705</v>
      </c>
      <c r="E9" s="19">
        <v>5483</v>
      </c>
      <c r="F9" s="19"/>
      <c r="G9" s="18" t="s">
        <v>16</v>
      </c>
      <c r="H9" s="17"/>
      <c r="I9" s="13">
        <v>24736</v>
      </c>
      <c r="J9" s="19">
        <v>13041</v>
      </c>
      <c r="K9" s="19">
        <v>11695</v>
      </c>
    </row>
    <row r="10" spans="1:11" ht="15" customHeight="1">
      <c r="A10" s="17" t="s">
        <v>17</v>
      </c>
      <c r="B10" s="17"/>
      <c r="C10" s="13">
        <v>11395</v>
      </c>
      <c r="D10" s="19">
        <v>5803</v>
      </c>
      <c r="E10" s="19">
        <v>5592</v>
      </c>
      <c r="F10" s="19"/>
      <c r="G10" s="18" t="s">
        <v>18</v>
      </c>
      <c r="H10" s="17"/>
      <c r="I10" s="13">
        <v>25570</v>
      </c>
      <c r="J10" s="19">
        <v>13317</v>
      </c>
      <c r="K10" s="19">
        <v>12253</v>
      </c>
    </row>
    <row r="11" spans="1:11" ht="20.100000000000001" customHeight="1">
      <c r="A11" s="17" t="s">
        <v>19</v>
      </c>
      <c r="B11" s="17"/>
      <c r="C11" s="13">
        <v>61440</v>
      </c>
      <c r="D11" s="14">
        <v>31419</v>
      </c>
      <c r="E11" s="14">
        <v>30021</v>
      </c>
      <c r="F11" s="14"/>
      <c r="G11" s="18" t="s">
        <v>20</v>
      </c>
      <c r="H11" s="17"/>
      <c r="I11" s="13">
        <v>100701</v>
      </c>
      <c r="J11" s="14">
        <v>52651</v>
      </c>
      <c r="K11" s="14">
        <v>48050</v>
      </c>
    </row>
    <row r="12" spans="1:11" ht="15" customHeight="1">
      <c r="A12" s="17" t="s">
        <v>21</v>
      </c>
      <c r="B12" s="17"/>
      <c r="C12" s="13">
        <v>11640</v>
      </c>
      <c r="D12" s="19">
        <v>5947</v>
      </c>
      <c r="E12" s="19">
        <v>5693</v>
      </c>
      <c r="F12" s="19"/>
      <c r="G12" s="18" t="s">
        <v>22</v>
      </c>
      <c r="H12" s="17"/>
      <c r="I12" s="13">
        <v>18486</v>
      </c>
      <c r="J12" s="19">
        <v>9655</v>
      </c>
      <c r="K12" s="19">
        <v>8831</v>
      </c>
    </row>
    <row r="13" spans="1:11" ht="15" customHeight="1">
      <c r="A13" s="17" t="s">
        <v>23</v>
      </c>
      <c r="B13" s="17"/>
      <c r="C13" s="13">
        <v>12260</v>
      </c>
      <c r="D13" s="19">
        <v>6337</v>
      </c>
      <c r="E13" s="19">
        <v>5923</v>
      </c>
      <c r="F13" s="19"/>
      <c r="G13" s="18" t="s">
        <v>24</v>
      </c>
      <c r="H13" s="17"/>
      <c r="I13" s="13">
        <v>23285</v>
      </c>
      <c r="J13" s="19">
        <v>12210</v>
      </c>
      <c r="K13" s="19">
        <v>11075</v>
      </c>
    </row>
    <row r="14" spans="1:11" ht="15" customHeight="1">
      <c r="A14" s="17" t="s">
        <v>25</v>
      </c>
      <c r="B14" s="17"/>
      <c r="C14" s="13">
        <v>12317</v>
      </c>
      <c r="D14" s="19">
        <v>6178</v>
      </c>
      <c r="E14" s="19">
        <v>6139</v>
      </c>
      <c r="F14" s="19"/>
      <c r="G14" s="18" t="s">
        <v>26</v>
      </c>
      <c r="H14" s="17"/>
      <c r="I14" s="13">
        <v>20848</v>
      </c>
      <c r="J14" s="19">
        <v>10922</v>
      </c>
      <c r="K14" s="19">
        <v>9926</v>
      </c>
    </row>
    <row r="15" spans="1:11" ht="15" customHeight="1">
      <c r="A15" s="17" t="s">
        <v>27</v>
      </c>
      <c r="B15" s="17"/>
      <c r="C15" s="13">
        <v>12571</v>
      </c>
      <c r="D15" s="19">
        <v>6495</v>
      </c>
      <c r="E15" s="19">
        <v>6076</v>
      </c>
      <c r="F15" s="19"/>
      <c r="G15" s="18" t="s">
        <v>28</v>
      </c>
      <c r="H15" s="17"/>
      <c r="I15" s="13">
        <v>19638</v>
      </c>
      <c r="J15" s="19">
        <v>10295</v>
      </c>
      <c r="K15" s="19">
        <v>9343</v>
      </c>
    </row>
    <row r="16" spans="1:11" ht="15" customHeight="1">
      <c r="A16" s="17" t="s">
        <v>29</v>
      </c>
      <c r="B16" s="17"/>
      <c r="C16" s="13">
        <v>12652</v>
      </c>
      <c r="D16" s="19">
        <v>6462</v>
      </c>
      <c r="E16" s="19">
        <v>6190</v>
      </c>
      <c r="F16" s="19"/>
      <c r="G16" s="18" t="s">
        <v>30</v>
      </c>
      <c r="H16" s="17"/>
      <c r="I16" s="13">
        <v>18444</v>
      </c>
      <c r="J16" s="19">
        <v>9569</v>
      </c>
      <c r="K16" s="19">
        <v>8875</v>
      </c>
    </row>
    <row r="17" spans="1:11" ht="20.100000000000001" customHeight="1">
      <c r="A17" s="20" t="s">
        <v>31</v>
      </c>
      <c r="B17" s="20"/>
      <c r="C17" s="13">
        <v>66609</v>
      </c>
      <c r="D17" s="14">
        <v>34113</v>
      </c>
      <c r="E17" s="14">
        <v>32496</v>
      </c>
      <c r="F17" s="14"/>
      <c r="G17" s="18" t="s">
        <v>32</v>
      </c>
      <c r="H17" s="17"/>
      <c r="I17" s="13">
        <v>83726</v>
      </c>
      <c r="J17" s="14">
        <v>42901</v>
      </c>
      <c r="K17" s="14">
        <v>40825</v>
      </c>
    </row>
    <row r="18" spans="1:11" ht="15" customHeight="1">
      <c r="A18" s="17" t="s">
        <v>33</v>
      </c>
      <c r="B18" s="17"/>
      <c r="C18" s="13">
        <v>12909</v>
      </c>
      <c r="D18" s="19">
        <v>6640</v>
      </c>
      <c r="E18" s="19">
        <v>6269</v>
      </c>
      <c r="F18" s="19"/>
      <c r="G18" s="18" t="s">
        <v>34</v>
      </c>
      <c r="H18" s="17"/>
      <c r="I18" s="13">
        <v>17608</v>
      </c>
      <c r="J18" s="19">
        <v>9139</v>
      </c>
      <c r="K18" s="19">
        <v>8469</v>
      </c>
    </row>
    <row r="19" spans="1:11" ht="15" customHeight="1">
      <c r="A19" s="17" t="s">
        <v>35</v>
      </c>
      <c r="B19" s="17"/>
      <c r="C19" s="13">
        <v>13278</v>
      </c>
      <c r="D19" s="19">
        <v>6745</v>
      </c>
      <c r="E19" s="19">
        <v>6533</v>
      </c>
      <c r="F19" s="19"/>
      <c r="G19" s="18" t="s">
        <v>36</v>
      </c>
      <c r="H19" s="17"/>
      <c r="I19" s="13">
        <v>17274</v>
      </c>
      <c r="J19" s="19">
        <v>8767</v>
      </c>
      <c r="K19" s="19">
        <v>8507</v>
      </c>
    </row>
    <row r="20" spans="1:11" ht="15" customHeight="1">
      <c r="A20" s="17" t="s">
        <v>37</v>
      </c>
      <c r="B20" s="17"/>
      <c r="C20" s="13">
        <v>13256</v>
      </c>
      <c r="D20" s="19">
        <v>6801</v>
      </c>
      <c r="E20" s="19">
        <v>6455</v>
      </c>
      <c r="F20" s="19"/>
      <c r="G20" s="18" t="s">
        <v>38</v>
      </c>
      <c r="H20" s="17"/>
      <c r="I20" s="13">
        <v>16810</v>
      </c>
      <c r="J20" s="19">
        <v>8672</v>
      </c>
      <c r="K20" s="19">
        <v>8138</v>
      </c>
    </row>
    <row r="21" spans="1:11" ht="15" customHeight="1">
      <c r="A21" s="17" t="s">
        <v>39</v>
      </c>
      <c r="B21" s="17"/>
      <c r="C21" s="13">
        <v>13609</v>
      </c>
      <c r="D21" s="19">
        <v>6931</v>
      </c>
      <c r="E21" s="19">
        <v>6678</v>
      </c>
      <c r="F21" s="19"/>
      <c r="G21" s="18" t="s">
        <v>40</v>
      </c>
      <c r="H21" s="17"/>
      <c r="I21" s="13">
        <v>16538</v>
      </c>
      <c r="J21" s="19">
        <v>8410</v>
      </c>
      <c r="K21" s="19">
        <v>8128</v>
      </c>
    </row>
    <row r="22" spans="1:11" ht="15" customHeight="1">
      <c r="A22" s="17" t="s">
        <v>41</v>
      </c>
      <c r="B22" s="17"/>
      <c r="C22" s="13">
        <v>13557</v>
      </c>
      <c r="D22" s="19">
        <v>6996</v>
      </c>
      <c r="E22" s="19">
        <v>6561</v>
      </c>
      <c r="F22" s="19"/>
      <c r="G22" s="18" t="s">
        <v>42</v>
      </c>
      <c r="H22" s="17"/>
      <c r="I22" s="13">
        <v>15496</v>
      </c>
      <c r="J22" s="19">
        <v>7913</v>
      </c>
      <c r="K22" s="19">
        <v>7583</v>
      </c>
    </row>
    <row r="23" spans="1:11" ht="20.100000000000001" customHeight="1">
      <c r="A23" s="17" t="s">
        <v>43</v>
      </c>
      <c r="B23" s="17"/>
      <c r="C23" s="13">
        <v>69150</v>
      </c>
      <c r="D23" s="14">
        <v>35352</v>
      </c>
      <c r="E23" s="14">
        <v>33798</v>
      </c>
      <c r="F23" s="14"/>
      <c r="G23" s="18" t="s">
        <v>44</v>
      </c>
      <c r="H23" s="17"/>
      <c r="I23" s="13">
        <v>85448</v>
      </c>
      <c r="J23" s="14">
        <v>42126</v>
      </c>
      <c r="K23" s="14">
        <v>43322</v>
      </c>
    </row>
    <row r="24" spans="1:11" ht="15" customHeight="1">
      <c r="A24" s="17" t="s">
        <v>45</v>
      </c>
      <c r="B24" s="17"/>
      <c r="C24" s="13">
        <v>13573</v>
      </c>
      <c r="D24" s="19">
        <v>6959</v>
      </c>
      <c r="E24" s="19">
        <v>6614</v>
      </c>
      <c r="F24" s="19"/>
      <c r="G24" s="18" t="s">
        <v>46</v>
      </c>
      <c r="H24" s="17"/>
      <c r="I24" s="13">
        <v>15926</v>
      </c>
      <c r="J24" s="19">
        <v>7997</v>
      </c>
      <c r="K24" s="19">
        <v>7929</v>
      </c>
    </row>
    <row r="25" spans="1:11" ht="15" customHeight="1">
      <c r="A25" s="17" t="s">
        <v>47</v>
      </c>
      <c r="B25" s="17"/>
      <c r="C25" s="13">
        <v>13222</v>
      </c>
      <c r="D25" s="19">
        <v>6762</v>
      </c>
      <c r="E25" s="19">
        <v>6460</v>
      </c>
      <c r="F25" s="19"/>
      <c r="G25" s="18" t="s">
        <v>48</v>
      </c>
      <c r="H25" s="17"/>
      <c r="I25" s="13">
        <v>16635</v>
      </c>
      <c r="J25" s="19">
        <v>8381</v>
      </c>
      <c r="K25" s="19">
        <v>8254</v>
      </c>
    </row>
    <row r="26" spans="1:11" ht="15" customHeight="1">
      <c r="A26" s="17" t="s">
        <v>49</v>
      </c>
      <c r="B26" s="17"/>
      <c r="C26" s="13">
        <v>13364</v>
      </c>
      <c r="D26" s="19">
        <v>6868</v>
      </c>
      <c r="E26" s="19">
        <v>6496</v>
      </c>
      <c r="F26" s="19"/>
      <c r="G26" s="18" t="s">
        <v>50</v>
      </c>
      <c r="H26" s="17"/>
      <c r="I26" s="13">
        <v>16781</v>
      </c>
      <c r="J26" s="19">
        <v>8262</v>
      </c>
      <c r="K26" s="19">
        <v>8519</v>
      </c>
    </row>
    <row r="27" spans="1:11" ht="15" customHeight="1">
      <c r="A27" s="17" t="s">
        <v>51</v>
      </c>
      <c r="B27" s="17"/>
      <c r="C27" s="13">
        <v>13995</v>
      </c>
      <c r="D27" s="19">
        <v>7224</v>
      </c>
      <c r="E27" s="19">
        <v>6771</v>
      </c>
      <c r="F27" s="19"/>
      <c r="G27" s="18" t="s">
        <v>52</v>
      </c>
      <c r="H27" s="17"/>
      <c r="I27" s="13">
        <v>17169</v>
      </c>
      <c r="J27" s="19">
        <v>8376</v>
      </c>
      <c r="K27" s="19">
        <v>8793</v>
      </c>
    </row>
    <row r="28" spans="1:11" ht="15" customHeight="1">
      <c r="A28" s="17" t="s">
        <v>53</v>
      </c>
      <c r="B28" s="17"/>
      <c r="C28" s="13">
        <v>14996</v>
      </c>
      <c r="D28" s="19">
        <v>7539</v>
      </c>
      <c r="E28" s="19">
        <v>7457</v>
      </c>
      <c r="F28" s="19"/>
      <c r="G28" s="18" t="s">
        <v>54</v>
      </c>
      <c r="H28" s="17"/>
      <c r="I28" s="13">
        <v>18937</v>
      </c>
      <c r="J28" s="19">
        <v>9110</v>
      </c>
      <c r="K28" s="19">
        <v>9827</v>
      </c>
    </row>
    <row r="29" spans="1:11" ht="20.100000000000001" customHeight="1">
      <c r="A29" s="17" t="s">
        <v>55</v>
      </c>
      <c r="B29" s="17"/>
      <c r="C29" s="13">
        <v>85449</v>
      </c>
      <c r="D29" s="14">
        <v>43681</v>
      </c>
      <c r="E29" s="14">
        <v>41768</v>
      </c>
      <c r="F29" s="14"/>
      <c r="G29" s="18" t="s">
        <v>56</v>
      </c>
      <c r="H29" s="17"/>
      <c r="I29" s="13">
        <v>112034</v>
      </c>
      <c r="J29" s="14">
        <v>52401</v>
      </c>
      <c r="K29" s="14">
        <v>59633</v>
      </c>
    </row>
    <row r="30" spans="1:11" ht="15" customHeight="1">
      <c r="A30" s="17" t="s">
        <v>57</v>
      </c>
      <c r="B30" s="17"/>
      <c r="C30" s="13">
        <v>16455</v>
      </c>
      <c r="D30" s="19">
        <v>8274</v>
      </c>
      <c r="E30" s="19">
        <v>8181</v>
      </c>
      <c r="F30" s="19"/>
      <c r="G30" s="18" t="s">
        <v>58</v>
      </c>
      <c r="H30" s="17"/>
      <c r="I30" s="13">
        <v>19741</v>
      </c>
      <c r="J30" s="19">
        <v>9551</v>
      </c>
      <c r="K30" s="19">
        <v>10190</v>
      </c>
    </row>
    <row r="31" spans="1:11" ht="15" customHeight="1">
      <c r="A31" s="17" t="s">
        <v>59</v>
      </c>
      <c r="B31" s="17"/>
      <c r="C31" s="13">
        <v>17350</v>
      </c>
      <c r="D31" s="19">
        <v>8809</v>
      </c>
      <c r="E31" s="19">
        <v>8541</v>
      </c>
      <c r="F31" s="19"/>
      <c r="G31" s="18" t="s">
        <v>60</v>
      </c>
      <c r="H31" s="17"/>
      <c r="I31" s="13">
        <v>21299</v>
      </c>
      <c r="J31" s="19">
        <v>10029</v>
      </c>
      <c r="K31" s="19">
        <v>11270</v>
      </c>
    </row>
    <row r="32" spans="1:11" ht="15" customHeight="1">
      <c r="A32" s="17" t="s">
        <v>61</v>
      </c>
      <c r="B32" s="17"/>
      <c r="C32" s="13">
        <v>17320</v>
      </c>
      <c r="D32" s="19">
        <v>8839</v>
      </c>
      <c r="E32" s="19">
        <v>8481</v>
      </c>
      <c r="F32" s="19"/>
      <c r="G32" s="18" t="s">
        <v>62</v>
      </c>
      <c r="H32" s="17"/>
      <c r="I32" s="13">
        <v>24149</v>
      </c>
      <c r="J32" s="19">
        <v>11318</v>
      </c>
      <c r="K32" s="19">
        <v>12831</v>
      </c>
    </row>
    <row r="33" spans="1:11" ht="15" customHeight="1">
      <c r="A33" s="17" t="s">
        <v>63</v>
      </c>
      <c r="B33" s="17"/>
      <c r="C33" s="13">
        <v>17477</v>
      </c>
      <c r="D33" s="19">
        <v>8940</v>
      </c>
      <c r="E33" s="19">
        <v>8537</v>
      </c>
      <c r="F33" s="19"/>
      <c r="G33" s="18" t="s">
        <v>64</v>
      </c>
      <c r="H33" s="17"/>
      <c r="I33" s="13">
        <v>23569</v>
      </c>
      <c r="J33" s="19">
        <v>10859</v>
      </c>
      <c r="K33" s="19">
        <v>12710</v>
      </c>
    </row>
    <row r="34" spans="1:11" ht="15" customHeight="1">
      <c r="A34" s="17" t="s">
        <v>65</v>
      </c>
      <c r="B34" s="17"/>
      <c r="C34" s="13">
        <v>16847</v>
      </c>
      <c r="D34" s="19">
        <v>8819</v>
      </c>
      <c r="E34" s="19">
        <v>8028</v>
      </c>
      <c r="F34" s="19"/>
      <c r="G34" s="18" t="s">
        <v>66</v>
      </c>
      <c r="H34" s="17"/>
      <c r="I34" s="13">
        <v>23276</v>
      </c>
      <c r="J34" s="19">
        <v>10644</v>
      </c>
      <c r="K34" s="19">
        <v>12632</v>
      </c>
    </row>
    <row r="35" spans="1:11" ht="20.100000000000001" customHeight="1">
      <c r="A35" s="17" t="s">
        <v>67</v>
      </c>
      <c r="B35" s="17"/>
      <c r="C35" s="13">
        <v>82458</v>
      </c>
      <c r="D35" s="14">
        <v>42946</v>
      </c>
      <c r="E35" s="14">
        <v>39512</v>
      </c>
      <c r="F35" s="14"/>
      <c r="G35" s="18" t="s">
        <v>68</v>
      </c>
      <c r="H35" s="17"/>
      <c r="I35" s="13">
        <v>84964</v>
      </c>
      <c r="J35" s="14">
        <v>38673</v>
      </c>
      <c r="K35" s="14">
        <v>46291</v>
      </c>
    </row>
    <row r="36" spans="1:11" ht="15" customHeight="1">
      <c r="A36" s="17" t="s">
        <v>69</v>
      </c>
      <c r="B36" s="17"/>
      <c r="C36" s="13">
        <v>16703</v>
      </c>
      <c r="D36" s="19">
        <v>8660</v>
      </c>
      <c r="E36" s="19">
        <v>8043</v>
      </c>
      <c r="F36" s="19"/>
      <c r="G36" s="18" t="s">
        <v>70</v>
      </c>
      <c r="H36" s="17"/>
      <c r="I36" s="13">
        <v>16245</v>
      </c>
      <c r="J36" s="19">
        <v>7588</v>
      </c>
      <c r="K36" s="19">
        <v>8657</v>
      </c>
    </row>
    <row r="37" spans="1:11" ht="15" customHeight="1">
      <c r="A37" s="17" t="s">
        <v>71</v>
      </c>
      <c r="B37" s="17"/>
      <c r="C37" s="13">
        <v>16488</v>
      </c>
      <c r="D37" s="19">
        <v>8396</v>
      </c>
      <c r="E37" s="19">
        <v>8092</v>
      </c>
      <c r="F37" s="19"/>
      <c r="G37" s="18" t="s">
        <v>72</v>
      </c>
      <c r="H37" s="17"/>
      <c r="I37" s="13">
        <v>14463</v>
      </c>
      <c r="J37" s="19">
        <v>6563</v>
      </c>
      <c r="K37" s="19">
        <v>7900</v>
      </c>
    </row>
    <row r="38" spans="1:11" ht="15" customHeight="1">
      <c r="A38" s="17" t="s">
        <v>73</v>
      </c>
      <c r="B38" s="17"/>
      <c r="C38" s="13">
        <v>16945</v>
      </c>
      <c r="D38" s="19">
        <v>8916</v>
      </c>
      <c r="E38" s="19">
        <v>8029</v>
      </c>
      <c r="F38" s="19"/>
      <c r="G38" s="18" t="s">
        <v>74</v>
      </c>
      <c r="H38" s="17"/>
      <c r="I38" s="13">
        <v>17978</v>
      </c>
      <c r="J38" s="19">
        <v>8074</v>
      </c>
      <c r="K38" s="19">
        <v>9904</v>
      </c>
    </row>
    <row r="39" spans="1:11" ht="15" customHeight="1">
      <c r="A39" s="17" t="s">
        <v>75</v>
      </c>
      <c r="B39" s="17"/>
      <c r="C39" s="13">
        <v>16078</v>
      </c>
      <c r="D39" s="19">
        <v>8402</v>
      </c>
      <c r="E39" s="19">
        <v>7676</v>
      </c>
      <c r="F39" s="19"/>
      <c r="G39" s="18" t="s">
        <v>76</v>
      </c>
      <c r="H39" s="17"/>
      <c r="I39" s="13">
        <v>18756</v>
      </c>
      <c r="J39" s="19">
        <v>8493</v>
      </c>
      <c r="K39" s="19">
        <v>10263</v>
      </c>
    </row>
    <row r="40" spans="1:11" ht="15" customHeight="1">
      <c r="A40" s="17" t="s">
        <v>77</v>
      </c>
      <c r="B40" s="17"/>
      <c r="C40" s="13">
        <v>16244</v>
      </c>
      <c r="D40" s="19">
        <v>8572</v>
      </c>
      <c r="E40" s="19">
        <v>7672</v>
      </c>
      <c r="F40" s="19"/>
      <c r="G40" s="18" t="s">
        <v>78</v>
      </c>
      <c r="H40" s="17"/>
      <c r="I40" s="13">
        <v>17522</v>
      </c>
      <c r="J40" s="19">
        <v>7955</v>
      </c>
      <c r="K40" s="19">
        <v>9567</v>
      </c>
    </row>
    <row r="41" spans="1:11" ht="20.100000000000001" customHeight="1">
      <c r="A41" s="17" t="s">
        <v>79</v>
      </c>
      <c r="B41" s="17"/>
      <c r="C41" s="13">
        <v>82096</v>
      </c>
      <c r="D41" s="14">
        <v>43408</v>
      </c>
      <c r="E41" s="14">
        <v>38688</v>
      </c>
      <c r="F41" s="14"/>
      <c r="G41" s="18" t="s">
        <v>80</v>
      </c>
      <c r="H41" s="17"/>
      <c r="I41" s="13">
        <v>66848</v>
      </c>
      <c r="J41" s="14">
        <v>30242</v>
      </c>
      <c r="K41" s="14">
        <v>36606</v>
      </c>
    </row>
    <row r="42" spans="1:11" ht="15" customHeight="1">
      <c r="A42" s="17" t="s">
        <v>81</v>
      </c>
      <c r="B42" s="17"/>
      <c r="C42" s="13">
        <v>16149</v>
      </c>
      <c r="D42" s="19">
        <v>8517</v>
      </c>
      <c r="E42" s="19">
        <v>7632</v>
      </c>
      <c r="F42" s="19"/>
      <c r="G42" s="18" t="s">
        <v>82</v>
      </c>
      <c r="H42" s="17"/>
      <c r="I42" s="13">
        <v>16921</v>
      </c>
      <c r="J42" s="19">
        <v>7611</v>
      </c>
      <c r="K42" s="19">
        <v>9310</v>
      </c>
    </row>
    <row r="43" spans="1:11" ht="15" customHeight="1">
      <c r="A43" s="17" t="s">
        <v>83</v>
      </c>
      <c r="B43" s="17"/>
      <c r="C43" s="13">
        <v>16096</v>
      </c>
      <c r="D43" s="19">
        <v>8584</v>
      </c>
      <c r="E43" s="19">
        <v>7512</v>
      </c>
      <c r="F43" s="19"/>
      <c r="G43" s="18" t="s">
        <v>84</v>
      </c>
      <c r="H43" s="17"/>
      <c r="I43" s="13">
        <v>15219</v>
      </c>
      <c r="J43" s="19">
        <v>6919</v>
      </c>
      <c r="K43" s="19">
        <v>8300</v>
      </c>
    </row>
    <row r="44" spans="1:11" ht="15" customHeight="1">
      <c r="A44" s="17" t="s">
        <v>85</v>
      </c>
      <c r="B44" s="17"/>
      <c r="C44" s="13">
        <v>16138</v>
      </c>
      <c r="D44" s="19">
        <v>8565</v>
      </c>
      <c r="E44" s="19">
        <v>7573</v>
      </c>
      <c r="F44" s="19"/>
      <c r="G44" s="18" t="s">
        <v>86</v>
      </c>
      <c r="H44" s="17"/>
      <c r="I44" s="13">
        <v>12297</v>
      </c>
      <c r="J44" s="19">
        <v>5609</v>
      </c>
      <c r="K44" s="19">
        <v>6688</v>
      </c>
    </row>
    <row r="45" spans="1:11" ht="15" customHeight="1">
      <c r="A45" s="17" t="s">
        <v>87</v>
      </c>
      <c r="B45" s="17"/>
      <c r="C45" s="13">
        <v>17124</v>
      </c>
      <c r="D45" s="19">
        <v>8909</v>
      </c>
      <c r="E45" s="19">
        <v>8215</v>
      </c>
      <c r="F45" s="19"/>
      <c r="G45" s="18" t="s">
        <v>88</v>
      </c>
      <c r="H45" s="17"/>
      <c r="I45" s="13">
        <v>11286</v>
      </c>
      <c r="J45" s="19">
        <v>5134</v>
      </c>
      <c r="K45" s="19">
        <v>6152</v>
      </c>
    </row>
    <row r="46" spans="1:11" ht="15" customHeight="1">
      <c r="A46" s="17" t="s">
        <v>89</v>
      </c>
      <c r="B46" s="17"/>
      <c r="C46" s="13">
        <v>16589</v>
      </c>
      <c r="D46" s="19">
        <v>8833</v>
      </c>
      <c r="E46" s="19">
        <v>7756</v>
      </c>
      <c r="F46" s="19"/>
      <c r="G46" s="18" t="s">
        <v>90</v>
      </c>
      <c r="H46" s="17"/>
      <c r="I46" s="13">
        <v>11125</v>
      </c>
      <c r="J46" s="19">
        <v>4969</v>
      </c>
      <c r="K46" s="19">
        <v>6156</v>
      </c>
    </row>
    <row r="47" spans="1:11" ht="20.100000000000001" customHeight="1">
      <c r="A47" s="17" t="s">
        <v>91</v>
      </c>
      <c r="B47" s="17"/>
      <c r="C47" s="13">
        <v>91534</v>
      </c>
      <c r="D47" s="14">
        <v>47998</v>
      </c>
      <c r="E47" s="14">
        <v>43536</v>
      </c>
      <c r="F47" s="14"/>
      <c r="G47" s="18" t="s">
        <v>92</v>
      </c>
      <c r="H47" s="17"/>
      <c r="I47" s="13">
        <v>37432</v>
      </c>
      <c r="J47" s="14">
        <v>14886</v>
      </c>
      <c r="K47" s="14">
        <v>22546</v>
      </c>
    </row>
    <row r="48" spans="1:11" ht="15" customHeight="1">
      <c r="A48" s="17" t="s">
        <v>93</v>
      </c>
      <c r="B48" s="17"/>
      <c r="C48" s="13">
        <v>17306</v>
      </c>
      <c r="D48" s="19">
        <v>9113</v>
      </c>
      <c r="E48" s="19">
        <v>8193</v>
      </c>
      <c r="F48" s="19"/>
      <c r="G48" s="18" t="s">
        <v>94</v>
      </c>
      <c r="H48" s="17"/>
      <c r="I48" s="13">
        <v>9709</v>
      </c>
      <c r="J48" s="19">
        <v>4212</v>
      </c>
      <c r="K48" s="19">
        <v>5497</v>
      </c>
    </row>
    <row r="49" spans="1:11" ht="15" customHeight="1">
      <c r="A49" s="17" t="s">
        <v>95</v>
      </c>
      <c r="B49" s="17"/>
      <c r="C49" s="13">
        <v>17782</v>
      </c>
      <c r="D49" s="19">
        <v>9332</v>
      </c>
      <c r="E49" s="19">
        <v>8450</v>
      </c>
      <c r="F49" s="19"/>
      <c r="G49" s="18" t="s">
        <v>96</v>
      </c>
      <c r="H49" s="17"/>
      <c r="I49" s="13">
        <v>8841</v>
      </c>
      <c r="J49" s="19">
        <v>3691</v>
      </c>
      <c r="K49" s="19">
        <v>5150</v>
      </c>
    </row>
    <row r="50" spans="1:11" ht="15" customHeight="1">
      <c r="A50" s="17" t="s">
        <v>97</v>
      </c>
      <c r="B50" s="17"/>
      <c r="C50" s="13">
        <v>18467</v>
      </c>
      <c r="D50" s="19">
        <v>9706</v>
      </c>
      <c r="E50" s="19">
        <v>8761</v>
      </c>
      <c r="F50" s="19"/>
      <c r="G50" s="18" t="s">
        <v>98</v>
      </c>
      <c r="H50" s="17"/>
      <c r="I50" s="13">
        <v>7076</v>
      </c>
      <c r="J50" s="19">
        <v>2770</v>
      </c>
      <c r="K50" s="19">
        <v>4306</v>
      </c>
    </row>
    <row r="51" spans="1:11" ht="15" customHeight="1">
      <c r="A51" s="17" t="s">
        <v>99</v>
      </c>
      <c r="B51" s="17"/>
      <c r="C51" s="13">
        <v>19033</v>
      </c>
      <c r="D51" s="19">
        <v>9922</v>
      </c>
      <c r="E51" s="19">
        <v>9111</v>
      </c>
      <c r="F51" s="19"/>
      <c r="G51" s="18" t="s">
        <v>100</v>
      </c>
      <c r="H51" s="17"/>
      <c r="I51" s="13">
        <v>6284</v>
      </c>
      <c r="J51" s="19">
        <v>2299</v>
      </c>
      <c r="K51" s="19">
        <v>3985</v>
      </c>
    </row>
    <row r="52" spans="1:11" ht="15" customHeight="1">
      <c r="A52" s="17" t="s">
        <v>101</v>
      </c>
      <c r="B52" s="17"/>
      <c r="C52" s="13">
        <v>18946</v>
      </c>
      <c r="D52" s="19">
        <v>9925</v>
      </c>
      <c r="E52" s="19">
        <v>9021</v>
      </c>
      <c r="F52" s="19"/>
      <c r="G52" s="18" t="s">
        <v>102</v>
      </c>
      <c r="H52" s="17"/>
      <c r="I52" s="13">
        <v>5522</v>
      </c>
      <c r="J52" s="19">
        <v>1914</v>
      </c>
      <c r="K52" s="19">
        <v>3608</v>
      </c>
    </row>
    <row r="53" spans="1:11" ht="20.100000000000001" customHeight="1">
      <c r="A53" s="17" t="s">
        <v>103</v>
      </c>
      <c r="B53" s="17"/>
      <c r="C53" s="13">
        <v>104755</v>
      </c>
      <c r="D53" s="14">
        <v>54746</v>
      </c>
      <c r="E53" s="14">
        <v>50009</v>
      </c>
      <c r="F53" s="14"/>
      <c r="G53" s="18" t="s">
        <v>104</v>
      </c>
      <c r="H53" s="17"/>
      <c r="I53" s="13">
        <v>15826</v>
      </c>
      <c r="J53" s="14">
        <v>4793</v>
      </c>
      <c r="K53" s="14">
        <v>11033</v>
      </c>
    </row>
    <row r="54" spans="1:11" ht="15" customHeight="1">
      <c r="A54" s="17" t="s">
        <v>105</v>
      </c>
      <c r="B54" s="17"/>
      <c r="C54" s="13">
        <v>19507</v>
      </c>
      <c r="D54" s="19">
        <v>10217</v>
      </c>
      <c r="E54" s="19">
        <v>9290</v>
      </c>
      <c r="F54" s="19"/>
      <c r="G54" s="18" t="s">
        <v>106</v>
      </c>
      <c r="H54" s="17"/>
      <c r="I54" s="13">
        <v>4479</v>
      </c>
      <c r="J54" s="19">
        <v>1485</v>
      </c>
      <c r="K54" s="19">
        <v>2994</v>
      </c>
    </row>
    <row r="55" spans="1:11" ht="15" customHeight="1">
      <c r="A55" s="17" t="s">
        <v>107</v>
      </c>
      <c r="B55" s="17"/>
      <c r="C55" s="13">
        <v>19963</v>
      </c>
      <c r="D55" s="19">
        <v>10393</v>
      </c>
      <c r="E55" s="19">
        <v>9570</v>
      </c>
      <c r="F55" s="19"/>
      <c r="G55" s="18" t="s">
        <v>108</v>
      </c>
      <c r="H55" s="17"/>
      <c r="I55" s="13">
        <v>3818</v>
      </c>
      <c r="J55" s="19">
        <v>1198</v>
      </c>
      <c r="K55" s="19">
        <v>2620</v>
      </c>
    </row>
    <row r="56" spans="1:11" ht="15" customHeight="1">
      <c r="A56" s="17" t="s">
        <v>109</v>
      </c>
      <c r="B56" s="17"/>
      <c r="C56" s="13">
        <v>20932</v>
      </c>
      <c r="D56" s="19">
        <v>11012</v>
      </c>
      <c r="E56" s="19">
        <v>9920</v>
      </c>
      <c r="F56" s="19"/>
      <c r="G56" s="18" t="s">
        <v>110</v>
      </c>
      <c r="H56" s="17"/>
      <c r="I56" s="13">
        <v>3134</v>
      </c>
      <c r="J56" s="19">
        <v>945</v>
      </c>
      <c r="K56" s="19">
        <v>2189</v>
      </c>
    </row>
    <row r="57" spans="1:11" ht="15" customHeight="1">
      <c r="A57" s="17" t="s">
        <v>111</v>
      </c>
      <c r="B57" s="17"/>
      <c r="C57" s="13">
        <v>21847</v>
      </c>
      <c r="D57" s="19">
        <v>11368</v>
      </c>
      <c r="E57" s="19">
        <v>10479</v>
      </c>
      <c r="F57" s="19"/>
      <c r="G57" s="18" t="s">
        <v>112</v>
      </c>
      <c r="H57" s="17"/>
      <c r="I57" s="13">
        <v>2532</v>
      </c>
      <c r="J57" s="19">
        <v>679</v>
      </c>
      <c r="K57" s="19">
        <v>1853</v>
      </c>
    </row>
    <row r="58" spans="1:11" ht="15" customHeight="1">
      <c r="A58" s="17" t="s">
        <v>113</v>
      </c>
      <c r="B58" s="17"/>
      <c r="C58" s="13">
        <v>22506</v>
      </c>
      <c r="D58" s="19">
        <v>11756</v>
      </c>
      <c r="E58" s="19">
        <v>10750</v>
      </c>
      <c r="F58" s="19"/>
      <c r="G58" s="18" t="s">
        <v>114</v>
      </c>
      <c r="H58" s="17"/>
      <c r="I58" s="13">
        <v>1863</v>
      </c>
      <c r="J58" s="19">
        <v>486</v>
      </c>
      <c r="K58" s="19">
        <v>1377</v>
      </c>
    </row>
    <row r="59" spans="1:11" ht="20.100000000000001" customHeight="1">
      <c r="A59" s="17" t="s">
        <v>115</v>
      </c>
      <c r="B59" s="17"/>
      <c r="C59" s="13">
        <v>128941</v>
      </c>
      <c r="D59" s="14">
        <v>67441</v>
      </c>
      <c r="E59" s="14">
        <v>61500</v>
      </c>
      <c r="F59" s="14"/>
      <c r="G59" s="18" t="s">
        <v>116</v>
      </c>
      <c r="H59" s="17"/>
      <c r="I59" s="13">
        <v>4176</v>
      </c>
      <c r="J59" s="14">
        <v>876</v>
      </c>
      <c r="K59" s="14">
        <v>3300</v>
      </c>
    </row>
    <row r="60" spans="1:11" ht="15" customHeight="1">
      <c r="A60" s="17" t="s">
        <v>117</v>
      </c>
      <c r="B60" s="17"/>
      <c r="C60" s="13">
        <v>23332</v>
      </c>
      <c r="D60" s="19">
        <v>12366</v>
      </c>
      <c r="E60" s="19">
        <v>10966</v>
      </c>
      <c r="F60" s="19"/>
      <c r="G60" s="18" t="s">
        <v>118</v>
      </c>
      <c r="H60" s="17"/>
      <c r="I60" s="13">
        <v>1369</v>
      </c>
      <c r="J60" s="19">
        <v>334</v>
      </c>
      <c r="K60" s="19">
        <v>1035</v>
      </c>
    </row>
    <row r="61" spans="1:11" ht="15" customHeight="1">
      <c r="A61" s="17" t="s">
        <v>119</v>
      </c>
      <c r="B61" s="17"/>
      <c r="C61" s="13">
        <v>24177</v>
      </c>
      <c r="D61" s="19">
        <v>12523</v>
      </c>
      <c r="E61" s="19">
        <v>11654</v>
      </c>
      <c r="F61" s="19"/>
      <c r="G61" s="18" t="s">
        <v>120</v>
      </c>
      <c r="H61" s="17"/>
      <c r="I61" s="13">
        <v>1065</v>
      </c>
      <c r="J61" s="19">
        <v>247</v>
      </c>
      <c r="K61" s="19">
        <v>818</v>
      </c>
    </row>
    <row r="62" spans="1:11" ht="15" customHeight="1">
      <c r="A62" s="17" t="s">
        <v>121</v>
      </c>
      <c r="B62" s="17"/>
      <c r="C62" s="13">
        <v>26268</v>
      </c>
      <c r="D62" s="19">
        <v>13831</v>
      </c>
      <c r="E62" s="19">
        <v>12437</v>
      </c>
      <c r="F62" s="19"/>
      <c r="G62" s="18" t="s">
        <v>122</v>
      </c>
      <c r="H62" s="17"/>
      <c r="I62" s="13">
        <v>767</v>
      </c>
      <c r="J62" s="19">
        <v>141</v>
      </c>
      <c r="K62" s="19">
        <v>626</v>
      </c>
    </row>
    <row r="63" spans="1:11" ht="15" customHeight="1">
      <c r="A63" s="17" t="s">
        <v>123</v>
      </c>
      <c r="B63" s="17"/>
      <c r="C63" s="13">
        <v>27812</v>
      </c>
      <c r="D63" s="19">
        <v>14483</v>
      </c>
      <c r="E63" s="19">
        <v>13329</v>
      </c>
      <c r="F63" s="19"/>
      <c r="G63" s="18" t="s">
        <v>124</v>
      </c>
      <c r="H63" s="17"/>
      <c r="I63" s="13">
        <v>583</v>
      </c>
      <c r="J63" s="19">
        <v>95</v>
      </c>
      <c r="K63" s="19">
        <v>488</v>
      </c>
    </row>
    <row r="64" spans="1:11" ht="15" customHeight="1">
      <c r="A64" s="17" t="s">
        <v>125</v>
      </c>
      <c r="B64" s="17"/>
      <c r="C64" s="13">
        <v>27352</v>
      </c>
      <c r="D64" s="19">
        <v>14238</v>
      </c>
      <c r="E64" s="19">
        <v>13114</v>
      </c>
      <c r="F64" s="19"/>
      <c r="G64" s="18" t="s">
        <v>126</v>
      </c>
      <c r="H64" s="17"/>
      <c r="I64" s="13">
        <v>392</v>
      </c>
      <c r="J64" s="19">
        <v>59</v>
      </c>
      <c r="K64" s="19">
        <v>333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654</v>
      </c>
      <c r="J65" s="19">
        <v>81</v>
      </c>
      <c r="K65" s="19">
        <v>573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38762</v>
      </c>
      <c r="J66" s="27">
        <v>20498</v>
      </c>
      <c r="K66" s="27">
        <v>18264</v>
      </c>
    </row>
    <row r="68" spans="1:11">
      <c r="F68" s="28"/>
    </row>
    <row r="75" spans="1:11">
      <c r="F75" s="29"/>
    </row>
    <row r="76" spans="1:11">
      <c r="F76" s="22"/>
    </row>
    <row r="77" spans="1:11">
      <c r="F77" s="22"/>
    </row>
    <row r="78" spans="1:11">
      <c r="F78" s="22"/>
    </row>
    <row r="79" spans="1:11">
      <c r="F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60</v>
      </c>
      <c r="B2" s="5"/>
      <c r="C2" s="7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726025</v>
      </c>
      <c r="D4" s="14">
        <v>361887</v>
      </c>
      <c r="E4" s="14">
        <v>36413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23817</v>
      </c>
      <c r="D5" s="14">
        <v>12063</v>
      </c>
      <c r="E5" s="14">
        <v>11754</v>
      </c>
      <c r="F5" s="14"/>
      <c r="G5" s="18" t="s">
        <v>8</v>
      </c>
      <c r="H5" s="17"/>
      <c r="I5" s="13">
        <v>58851</v>
      </c>
      <c r="J5" s="14">
        <v>30662</v>
      </c>
      <c r="K5" s="14">
        <v>28189</v>
      </c>
    </row>
    <row r="6" spans="1:11" ht="15" customHeight="1">
      <c r="A6" s="17" t="s">
        <v>9</v>
      </c>
      <c r="B6" s="17"/>
      <c r="C6" s="13">
        <v>4598</v>
      </c>
      <c r="D6" s="19">
        <v>2341</v>
      </c>
      <c r="E6" s="19">
        <v>2257</v>
      </c>
      <c r="F6" s="19"/>
      <c r="G6" s="18" t="s">
        <v>10</v>
      </c>
      <c r="H6" s="17"/>
      <c r="I6" s="13">
        <v>12303</v>
      </c>
      <c r="J6" s="19">
        <v>6367</v>
      </c>
      <c r="K6" s="19">
        <v>5936</v>
      </c>
    </row>
    <row r="7" spans="1:11" ht="15" customHeight="1">
      <c r="A7" s="17" t="s">
        <v>11</v>
      </c>
      <c r="B7" s="17"/>
      <c r="C7" s="13">
        <v>4623</v>
      </c>
      <c r="D7" s="19">
        <v>2346</v>
      </c>
      <c r="E7" s="19">
        <v>2277</v>
      </c>
      <c r="F7" s="19"/>
      <c r="G7" s="18" t="s">
        <v>12</v>
      </c>
      <c r="H7" s="17"/>
      <c r="I7" s="13">
        <v>11957</v>
      </c>
      <c r="J7" s="19">
        <v>6244</v>
      </c>
      <c r="K7" s="19">
        <v>5713</v>
      </c>
    </row>
    <row r="8" spans="1:11" ht="15" customHeight="1">
      <c r="A8" s="17" t="s">
        <v>13</v>
      </c>
      <c r="B8" s="17"/>
      <c r="C8" s="13">
        <v>4690</v>
      </c>
      <c r="D8" s="19">
        <v>2373</v>
      </c>
      <c r="E8" s="19">
        <v>2317</v>
      </c>
      <c r="F8" s="19"/>
      <c r="G8" s="18" t="s">
        <v>14</v>
      </c>
      <c r="H8" s="17"/>
      <c r="I8" s="13">
        <v>11705</v>
      </c>
      <c r="J8" s="19">
        <v>6121</v>
      </c>
      <c r="K8" s="19">
        <v>5584</v>
      </c>
    </row>
    <row r="9" spans="1:11" ht="15" customHeight="1">
      <c r="A9" s="17" t="s">
        <v>15</v>
      </c>
      <c r="B9" s="17"/>
      <c r="C9" s="13">
        <v>4908</v>
      </c>
      <c r="D9" s="19">
        <v>2500</v>
      </c>
      <c r="E9" s="19">
        <v>2408</v>
      </c>
      <c r="F9" s="19"/>
      <c r="G9" s="18" t="s">
        <v>16</v>
      </c>
      <c r="H9" s="17"/>
      <c r="I9" s="13">
        <v>11161</v>
      </c>
      <c r="J9" s="19">
        <v>5838</v>
      </c>
      <c r="K9" s="19">
        <v>5323</v>
      </c>
    </row>
    <row r="10" spans="1:11" ht="15" customHeight="1">
      <c r="A10" s="17" t="s">
        <v>17</v>
      </c>
      <c r="B10" s="17"/>
      <c r="C10" s="13">
        <v>4998</v>
      </c>
      <c r="D10" s="19">
        <v>2503</v>
      </c>
      <c r="E10" s="19">
        <v>2495</v>
      </c>
      <c r="F10" s="19"/>
      <c r="G10" s="18" t="s">
        <v>18</v>
      </c>
      <c r="H10" s="17"/>
      <c r="I10" s="13">
        <v>11725</v>
      </c>
      <c r="J10" s="19">
        <v>6092</v>
      </c>
      <c r="K10" s="19">
        <v>5633</v>
      </c>
    </row>
    <row r="11" spans="1:11" ht="20.100000000000001" customHeight="1">
      <c r="A11" s="17" t="s">
        <v>19</v>
      </c>
      <c r="B11" s="17"/>
      <c r="C11" s="13">
        <v>27320</v>
      </c>
      <c r="D11" s="14">
        <v>14114</v>
      </c>
      <c r="E11" s="14">
        <v>13206</v>
      </c>
      <c r="F11" s="14"/>
      <c r="G11" s="18" t="s">
        <v>20</v>
      </c>
      <c r="H11" s="17"/>
      <c r="I11" s="13">
        <v>46565</v>
      </c>
      <c r="J11" s="14">
        <v>24122</v>
      </c>
      <c r="K11" s="14">
        <v>22443</v>
      </c>
    </row>
    <row r="12" spans="1:11" ht="15" customHeight="1">
      <c r="A12" s="17" t="s">
        <v>21</v>
      </c>
      <c r="B12" s="17"/>
      <c r="C12" s="13">
        <v>5130</v>
      </c>
      <c r="D12" s="19">
        <v>2642</v>
      </c>
      <c r="E12" s="19">
        <v>2488</v>
      </c>
      <c r="F12" s="19"/>
      <c r="G12" s="18" t="s">
        <v>22</v>
      </c>
      <c r="H12" s="17"/>
      <c r="I12" s="13">
        <v>8463</v>
      </c>
      <c r="J12" s="19">
        <v>4381</v>
      </c>
      <c r="K12" s="19">
        <v>4082</v>
      </c>
    </row>
    <row r="13" spans="1:11" ht="15" customHeight="1">
      <c r="A13" s="17" t="s">
        <v>23</v>
      </c>
      <c r="B13" s="17"/>
      <c r="C13" s="13">
        <v>5390</v>
      </c>
      <c r="D13" s="19">
        <v>2878</v>
      </c>
      <c r="E13" s="19">
        <v>2512</v>
      </c>
      <c r="F13" s="19"/>
      <c r="G13" s="18" t="s">
        <v>24</v>
      </c>
      <c r="H13" s="17"/>
      <c r="I13" s="13">
        <v>10736</v>
      </c>
      <c r="J13" s="19">
        <v>5634</v>
      </c>
      <c r="K13" s="19">
        <v>5102</v>
      </c>
    </row>
    <row r="14" spans="1:11" ht="15" customHeight="1">
      <c r="A14" s="17" t="s">
        <v>25</v>
      </c>
      <c r="B14" s="17"/>
      <c r="C14" s="13">
        <v>5547</v>
      </c>
      <c r="D14" s="19">
        <v>2823</v>
      </c>
      <c r="E14" s="19">
        <v>2724</v>
      </c>
      <c r="F14" s="19"/>
      <c r="G14" s="18" t="s">
        <v>26</v>
      </c>
      <c r="H14" s="17"/>
      <c r="I14" s="13">
        <v>9692</v>
      </c>
      <c r="J14" s="19">
        <v>5046</v>
      </c>
      <c r="K14" s="19">
        <v>4646</v>
      </c>
    </row>
    <row r="15" spans="1:11" ht="15" customHeight="1">
      <c r="A15" s="17" t="s">
        <v>27</v>
      </c>
      <c r="B15" s="17"/>
      <c r="C15" s="13">
        <v>5587</v>
      </c>
      <c r="D15" s="19">
        <v>2919</v>
      </c>
      <c r="E15" s="19">
        <v>2668</v>
      </c>
      <c r="F15" s="19"/>
      <c r="G15" s="18" t="s">
        <v>28</v>
      </c>
      <c r="H15" s="17"/>
      <c r="I15" s="13">
        <v>9098</v>
      </c>
      <c r="J15" s="19">
        <v>4689</v>
      </c>
      <c r="K15" s="19">
        <v>4409</v>
      </c>
    </row>
    <row r="16" spans="1:11" ht="15" customHeight="1">
      <c r="A16" s="17" t="s">
        <v>29</v>
      </c>
      <c r="B16" s="17"/>
      <c r="C16" s="13">
        <v>5666</v>
      </c>
      <c r="D16" s="19">
        <v>2852</v>
      </c>
      <c r="E16" s="19">
        <v>2814</v>
      </c>
      <c r="F16" s="19"/>
      <c r="G16" s="18" t="s">
        <v>30</v>
      </c>
      <c r="H16" s="17"/>
      <c r="I16" s="13">
        <v>8576</v>
      </c>
      <c r="J16" s="19">
        <v>4372</v>
      </c>
      <c r="K16" s="19">
        <v>4204</v>
      </c>
    </row>
    <row r="17" spans="1:11" ht="20.100000000000001" customHeight="1">
      <c r="A17" s="20" t="s">
        <v>31</v>
      </c>
      <c r="B17" s="20"/>
      <c r="C17" s="13">
        <v>29624</v>
      </c>
      <c r="D17" s="14">
        <v>15119</v>
      </c>
      <c r="E17" s="14">
        <v>14505</v>
      </c>
      <c r="F17" s="14"/>
      <c r="G17" s="18" t="s">
        <v>32</v>
      </c>
      <c r="H17" s="17"/>
      <c r="I17" s="13">
        <v>38575</v>
      </c>
      <c r="J17" s="14">
        <v>19711</v>
      </c>
      <c r="K17" s="14">
        <v>18864</v>
      </c>
    </row>
    <row r="18" spans="1:11" ht="15" customHeight="1">
      <c r="A18" s="17" t="s">
        <v>33</v>
      </c>
      <c r="B18" s="17"/>
      <c r="C18" s="13">
        <v>5713</v>
      </c>
      <c r="D18" s="19">
        <v>2934</v>
      </c>
      <c r="E18" s="19">
        <v>2779</v>
      </c>
      <c r="F18" s="19"/>
      <c r="G18" s="18" t="s">
        <v>34</v>
      </c>
      <c r="H18" s="17"/>
      <c r="I18" s="13">
        <v>8165</v>
      </c>
      <c r="J18" s="19">
        <v>4232</v>
      </c>
      <c r="K18" s="19">
        <v>3933</v>
      </c>
    </row>
    <row r="19" spans="1:11" ht="15" customHeight="1">
      <c r="A19" s="17" t="s">
        <v>35</v>
      </c>
      <c r="B19" s="17"/>
      <c r="C19" s="13">
        <v>5878</v>
      </c>
      <c r="D19" s="19">
        <v>2952</v>
      </c>
      <c r="E19" s="19">
        <v>2926</v>
      </c>
      <c r="F19" s="19"/>
      <c r="G19" s="18" t="s">
        <v>36</v>
      </c>
      <c r="H19" s="17"/>
      <c r="I19" s="13">
        <v>8041</v>
      </c>
      <c r="J19" s="19">
        <v>4061</v>
      </c>
      <c r="K19" s="19">
        <v>3980</v>
      </c>
    </row>
    <row r="20" spans="1:11" ht="15" customHeight="1">
      <c r="A20" s="17" t="s">
        <v>37</v>
      </c>
      <c r="B20" s="17"/>
      <c r="C20" s="13">
        <v>5967</v>
      </c>
      <c r="D20" s="19">
        <v>3000</v>
      </c>
      <c r="E20" s="19">
        <v>2967</v>
      </c>
      <c r="F20" s="19"/>
      <c r="G20" s="18" t="s">
        <v>38</v>
      </c>
      <c r="H20" s="17"/>
      <c r="I20" s="13">
        <v>7659</v>
      </c>
      <c r="J20" s="19">
        <v>3925</v>
      </c>
      <c r="K20" s="19">
        <v>3734</v>
      </c>
    </row>
    <row r="21" spans="1:11" ht="15" customHeight="1">
      <c r="A21" s="17" t="s">
        <v>39</v>
      </c>
      <c r="B21" s="17"/>
      <c r="C21" s="13">
        <v>5958</v>
      </c>
      <c r="D21" s="19">
        <v>3075</v>
      </c>
      <c r="E21" s="19">
        <v>2883</v>
      </c>
      <c r="F21" s="19"/>
      <c r="G21" s="18" t="s">
        <v>40</v>
      </c>
      <c r="H21" s="17"/>
      <c r="I21" s="13">
        <v>7568</v>
      </c>
      <c r="J21" s="19">
        <v>3871</v>
      </c>
      <c r="K21" s="19">
        <v>3697</v>
      </c>
    </row>
    <row r="22" spans="1:11" ht="15" customHeight="1">
      <c r="A22" s="17" t="s">
        <v>41</v>
      </c>
      <c r="B22" s="17"/>
      <c r="C22" s="13">
        <v>6108</v>
      </c>
      <c r="D22" s="19">
        <v>3158</v>
      </c>
      <c r="E22" s="19">
        <v>2950</v>
      </c>
      <c r="F22" s="19"/>
      <c r="G22" s="18" t="s">
        <v>42</v>
      </c>
      <c r="H22" s="17"/>
      <c r="I22" s="13">
        <v>7142</v>
      </c>
      <c r="J22" s="19">
        <v>3622</v>
      </c>
      <c r="K22" s="19">
        <v>3520</v>
      </c>
    </row>
    <row r="23" spans="1:11" ht="20.100000000000001" customHeight="1">
      <c r="A23" s="17" t="s">
        <v>43</v>
      </c>
      <c r="B23" s="17"/>
      <c r="C23" s="13">
        <v>30997</v>
      </c>
      <c r="D23" s="14">
        <v>15777</v>
      </c>
      <c r="E23" s="14">
        <v>15220</v>
      </c>
      <c r="F23" s="14"/>
      <c r="G23" s="18" t="s">
        <v>44</v>
      </c>
      <c r="H23" s="17"/>
      <c r="I23" s="13">
        <v>39195</v>
      </c>
      <c r="J23" s="14">
        <v>19332</v>
      </c>
      <c r="K23" s="14">
        <v>19863</v>
      </c>
    </row>
    <row r="24" spans="1:11" ht="15" customHeight="1">
      <c r="A24" s="17" t="s">
        <v>45</v>
      </c>
      <c r="B24" s="17"/>
      <c r="C24" s="13">
        <v>6071</v>
      </c>
      <c r="D24" s="19">
        <v>3142</v>
      </c>
      <c r="E24" s="19">
        <v>2929</v>
      </c>
      <c r="F24" s="19"/>
      <c r="G24" s="18" t="s">
        <v>46</v>
      </c>
      <c r="H24" s="17"/>
      <c r="I24" s="13">
        <v>7402</v>
      </c>
      <c r="J24" s="19">
        <v>3710</v>
      </c>
      <c r="K24" s="19">
        <v>3692</v>
      </c>
    </row>
    <row r="25" spans="1:11" ht="15" customHeight="1">
      <c r="A25" s="17" t="s">
        <v>47</v>
      </c>
      <c r="B25" s="17"/>
      <c r="C25" s="13">
        <v>5920</v>
      </c>
      <c r="D25" s="19">
        <v>2948</v>
      </c>
      <c r="E25" s="19">
        <v>2972</v>
      </c>
      <c r="F25" s="19"/>
      <c r="G25" s="18" t="s">
        <v>48</v>
      </c>
      <c r="H25" s="17"/>
      <c r="I25" s="13">
        <v>7610</v>
      </c>
      <c r="J25" s="19">
        <v>3892</v>
      </c>
      <c r="K25" s="19">
        <v>3718</v>
      </c>
    </row>
    <row r="26" spans="1:11" ht="15" customHeight="1">
      <c r="A26" s="17" t="s">
        <v>49</v>
      </c>
      <c r="B26" s="17"/>
      <c r="C26" s="13">
        <v>5905</v>
      </c>
      <c r="D26" s="19">
        <v>3033</v>
      </c>
      <c r="E26" s="19">
        <v>2872</v>
      </c>
      <c r="F26" s="19"/>
      <c r="G26" s="18" t="s">
        <v>50</v>
      </c>
      <c r="H26" s="17"/>
      <c r="I26" s="13">
        <v>7698</v>
      </c>
      <c r="J26" s="19">
        <v>3748</v>
      </c>
      <c r="K26" s="19">
        <v>3950</v>
      </c>
    </row>
    <row r="27" spans="1:11" ht="15" customHeight="1">
      <c r="A27" s="17" t="s">
        <v>51</v>
      </c>
      <c r="B27" s="17"/>
      <c r="C27" s="13">
        <v>6273</v>
      </c>
      <c r="D27" s="19">
        <v>3237</v>
      </c>
      <c r="E27" s="19">
        <v>3036</v>
      </c>
      <c r="F27" s="19"/>
      <c r="G27" s="18" t="s">
        <v>52</v>
      </c>
      <c r="H27" s="17"/>
      <c r="I27" s="13">
        <v>7856</v>
      </c>
      <c r="J27" s="19">
        <v>3847</v>
      </c>
      <c r="K27" s="19">
        <v>4009</v>
      </c>
    </row>
    <row r="28" spans="1:11" ht="15" customHeight="1">
      <c r="A28" s="17" t="s">
        <v>53</v>
      </c>
      <c r="B28" s="17"/>
      <c r="C28" s="13">
        <v>6828</v>
      </c>
      <c r="D28" s="19">
        <v>3417</v>
      </c>
      <c r="E28" s="19">
        <v>3411</v>
      </c>
      <c r="F28" s="19"/>
      <c r="G28" s="18" t="s">
        <v>54</v>
      </c>
      <c r="H28" s="17"/>
      <c r="I28" s="13">
        <v>8629</v>
      </c>
      <c r="J28" s="19">
        <v>4135</v>
      </c>
      <c r="K28" s="19">
        <v>4494</v>
      </c>
    </row>
    <row r="29" spans="1:11" ht="20.100000000000001" customHeight="1">
      <c r="A29" s="17" t="s">
        <v>55</v>
      </c>
      <c r="B29" s="17"/>
      <c r="C29" s="13">
        <v>40542</v>
      </c>
      <c r="D29" s="14">
        <v>19981</v>
      </c>
      <c r="E29" s="14">
        <v>20561</v>
      </c>
      <c r="F29" s="14"/>
      <c r="G29" s="18" t="s">
        <v>56</v>
      </c>
      <c r="H29" s="17"/>
      <c r="I29" s="13">
        <v>50737</v>
      </c>
      <c r="J29" s="14">
        <v>23758</v>
      </c>
      <c r="K29" s="14">
        <v>26979</v>
      </c>
    </row>
    <row r="30" spans="1:11" ht="15" customHeight="1">
      <c r="A30" s="17" t="s">
        <v>57</v>
      </c>
      <c r="B30" s="17"/>
      <c r="C30" s="13">
        <v>7837</v>
      </c>
      <c r="D30" s="19">
        <v>3838</v>
      </c>
      <c r="E30" s="19">
        <v>3999</v>
      </c>
      <c r="F30" s="19"/>
      <c r="G30" s="18" t="s">
        <v>58</v>
      </c>
      <c r="H30" s="17"/>
      <c r="I30" s="13">
        <v>9051</v>
      </c>
      <c r="J30" s="19">
        <v>4443</v>
      </c>
      <c r="K30" s="19">
        <v>4608</v>
      </c>
    </row>
    <row r="31" spans="1:11" ht="15" customHeight="1">
      <c r="A31" s="17" t="s">
        <v>59</v>
      </c>
      <c r="B31" s="17"/>
      <c r="C31" s="13">
        <v>8240</v>
      </c>
      <c r="D31" s="19">
        <v>3954</v>
      </c>
      <c r="E31" s="19">
        <v>4286</v>
      </c>
      <c r="F31" s="19"/>
      <c r="G31" s="18" t="s">
        <v>60</v>
      </c>
      <c r="H31" s="17"/>
      <c r="I31" s="13">
        <v>9578</v>
      </c>
      <c r="J31" s="19">
        <v>4484</v>
      </c>
      <c r="K31" s="19">
        <v>5094</v>
      </c>
    </row>
    <row r="32" spans="1:11" ht="15" customHeight="1">
      <c r="A32" s="17" t="s">
        <v>61</v>
      </c>
      <c r="B32" s="17"/>
      <c r="C32" s="13">
        <v>8268</v>
      </c>
      <c r="D32" s="19">
        <v>4078</v>
      </c>
      <c r="E32" s="19">
        <v>4190</v>
      </c>
      <c r="F32" s="19"/>
      <c r="G32" s="18" t="s">
        <v>62</v>
      </c>
      <c r="H32" s="17"/>
      <c r="I32" s="13">
        <v>10896</v>
      </c>
      <c r="J32" s="19">
        <v>5126</v>
      </c>
      <c r="K32" s="19">
        <v>5770</v>
      </c>
    </row>
    <row r="33" spans="1:11" ht="15" customHeight="1">
      <c r="A33" s="17" t="s">
        <v>63</v>
      </c>
      <c r="B33" s="17"/>
      <c r="C33" s="13">
        <v>8306</v>
      </c>
      <c r="D33" s="19">
        <v>4081</v>
      </c>
      <c r="E33" s="19">
        <v>4225</v>
      </c>
      <c r="F33" s="19"/>
      <c r="G33" s="18" t="s">
        <v>64</v>
      </c>
      <c r="H33" s="17"/>
      <c r="I33" s="13">
        <v>10719</v>
      </c>
      <c r="J33" s="19">
        <v>4887</v>
      </c>
      <c r="K33" s="19">
        <v>5832</v>
      </c>
    </row>
    <row r="34" spans="1:11" ht="15" customHeight="1">
      <c r="A34" s="17" t="s">
        <v>65</v>
      </c>
      <c r="B34" s="17"/>
      <c r="C34" s="13">
        <v>7891</v>
      </c>
      <c r="D34" s="19">
        <v>4030</v>
      </c>
      <c r="E34" s="19">
        <v>3861</v>
      </c>
      <c r="F34" s="19"/>
      <c r="G34" s="18" t="s">
        <v>66</v>
      </c>
      <c r="H34" s="17"/>
      <c r="I34" s="13">
        <v>10493</v>
      </c>
      <c r="J34" s="19">
        <v>4818</v>
      </c>
      <c r="K34" s="19">
        <v>5675</v>
      </c>
    </row>
    <row r="35" spans="1:11" ht="20.100000000000001" customHeight="1">
      <c r="A35" s="17" t="s">
        <v>67</v>
      </c>
      <c r="B35" s="17"/>
      <c r="C35" s="13">
        <v>37646</v>
      </c>
      <c r="D35" s="14">
        <v>19109</v>
      </c>
      <c r="E35" s="14">
        <v>18537</v>
      </c>
      <c r="F35" s="14"/>
      <c r="G35" s="18" t="s">
        <v>68</v>
      </c>
      <c r="H35" s="17"/>
      <c r="I35" s="13">
        <v>38821</v>
      </c>
      <c r="J35" s="14">
        <v>17517</v>
      </c>
      <c r="K35" s="14">
        <v>21304</v>
      </c>
    </row>
    <row r="36" spans="1:11" ht="15" customHeight="1">
      <c r="A36" s="17" t="s">
        <v>69</v>
      </c>
      <c r="B36" s="17"/>
      <c r="C36" s="13">
        <v>7714</v>
      </c>
      <c r="D36" s="19">
        <v>3855</v>
      </c>
      <c r="E36" s="19">
        <v>3859</v>
      </c>
      <c r="F36" s="19"/>
      <c r="G36" s="18" t="s">
        <v>70</v>
      </c>
      <c r="H36" s="17"/>
      <c r="I36" s="13">
        <v>7353</v>
      </c>
      <c r="J36" s="19">
        <v>3347</v>
      </c>
      <c r="K36" s="19">
        <v>4006</v>
      </c>
    </row>
    <row r="37" spans="1:11" ht="15" customHeight="1">
      <c r="A37" s="17" t="s">
        <v>71</v>
      </c>
      <c r="B37" s="17"/>
      <c r="C37" s="13">
        <v>7539</v>
      </c>
      <c r="D37" s="19">
        <v>3704</v>
      </c>
      <c r="E37" s="19">
        <v>3835</v>
      </c>
      <c r="F37" s="19"/>
      <c r="G37" s="18" t="s">
        <v>72</v>
      </c>
      <c r="H37" s="17"/>
      <c r="I37" s="13">
        <v>6660</v>
      </c>
      <c r="J37" s="19">
        <v>3003</v>
      </c>
      <c r="K37" s="19">
        <v>3657</v>
      </c>
    </row>
    <row r="38" spans="1:11" ht="15" customHeight="1">
      <c r="A38" s="17" t="s">
        <v>73</v>
      </c>
      <c r="B38" s="17"/>
      <c r="C38" s="13">
        <v>7717</v>
      </c>
      <c r="D38" s="19">
        <v>3990</v>
      </c>
      <c r="E38" s="19">
        <v>3727</v>
      </c>
      <c r="F38" s="19"/>
      <c r="G38" s="18" t="s">
        <v>74</v>
      </c>
      <c r="H38" s="17"/>
      <c r="I38" s="13">
        <v>8336</v>
      </c>
      <c r="J38" s="19">
        <v>3715</v>
      </c>
      <c r="K38" s="19">
        <v>4621</v>
      </c>
    </row>
    <row r="39" spans="1:11" ht="15" customHeight="1">
      <c r="A39" s="17" t="s">
        <v>75</v>
      </c>
      <c r="B39" s="17"/>
      <c r="C39" s="13">
        <v>7179</v>
      </c>
      <c r="D39" s="19">
        <v>3677</v>
      </c>
      <c r="E39" s="19">
        <v>3502</v>
      </c>
      <c r="F39" s="19"/>
      <c r="G39" s="18" t="s">
        <v>76</v>
      </c>
      <c r="H39" s="17"/>
      <c r="I39" s="13">
        <v>8506</v>
      </c>
      <c r="J39" s="19">
        <v>3839</v>
      </c>
      <c r="K39" s="19">
        <v>4667</v>
      </c>
    </row>
    <row r="40" spans="1:11" ht="15" customHeight="1">
      <c r="A40" s="17" t="s">
        <v>77</v>
      </c>
      <c r="B40" s="17"/>
      <c r="C40" s="13">
        <v>7497</v>
      </c>
      <c r="D40" s="19">
        <v>3883</v>
      </c>
      <c r="E40" s="19">
        <v>3614</v>
      </c>
      <c r="F40" s="19"/>
      <c r="G40" s="18" t="s">
        <v>78</v>
      </c>
      <c r="H40" s="17"/>
      <c r="I40" s="13">
        <v>7966</v>
      </c>
      <c r="J40" s="19">
        <v>3613</v>
      </c>
      <c r="K40" s="19">
        <v>4353</v>
      </c>
    </row>
    <row r="41" spans="1:11" ht="20.100000000000001" customHeight="1">
      <c r="A41" s="17" t="s">
        <v>79</v>
      </c>
      <c r="B41" s="17"/>
      <c r="C41" s="13">
        <v>36698</v>
      </c>
      <c r="D41" s="14">
        <v>19189</v>
      </c>
      <c r="E41" s="14">
        <v>17509</v>
      </c>
      <c r="F41" s="14"/>
      <c r="G41" s="18" t="s">
        <v>80</v>
      </c>
      <c r="H41" s="17"/>
      <c r="I41" s="13">
        <v>31038</v>
      </c>
      <c r="J41" s="14">
        <v>14075</v>
      </c>
      <c r="K41" s="14">
        <v>16963</v>
      </c>
    </row>
    <row r="42" spans="1:11" ht="15" customHeight="1">
      <c r="A42" s="17" t="s">
        <v>81</v>
      </c>
      <c r="B42" s="17"/>
      <c r="C42" s="13">
        <v>7187</v>
      </c>
      <c r="D42" s="19">
        <v>3723</v>
      </c>
      <c r="E42" s="19">
        <v>3464</v>
      </c>
      <c r="F42" s="19"/>
      <c r="G42" s="18" t="s">
        <v>82</v>
      </c>
      <c r="H42" s="17"/>
      <c r="I42" s="13">
        <v>7861</v>
      </c>
      <c r="J42" s="19">
        <v>3583</v>
      </c>
      <c r="K42" s="19">
        <v>4278</v>
      </c>
    </row>
    <row r="43" spans="1:11" ht="15" customHeight="1">
      <c r="A43" s="17" t="s">
        <v>83</v>
      </c>
      <c r="B43" s="17"/>
      <c r="C43" s="13">
        <v>7231</v>
      </c>
      <c r="D43" s="19">
        <v>3833</v>
      </c>
      <c r="E43" s="19">
        <v>3398</v>
      </c>
      <c r="F43" s="19"/>
      <c r="G43" s="18" t="s">
        <v>84</v>
      </c>
      <c r="H43" s="17"/>
      <c r="I43" s="13">
        <v>6943</v>
      </c>
      <c r="J43" s="19">
        <v>3117</v>
      </c>
      <c r="K43" s="19">
        <v>3826</v>
      </c>
    </row>
    <row r="44" spans="1:11" ht="15" customHeight="1">
      <c r="A44" s="17" t="s">
        <v>85</v>
      </c>
      <c r="B44" s="17"/>
      <c r="C44" s="13">
        <v>7307</v>
      </c>
      <c r="D44" s="19">
        <v>3801</v>
      </c>
      <c r="E44" s="19">
        <v>3506</v>
      </c>
      <c r="F44" s="19"/>
      <c r="G44" s="18" t="s">
        <v>86</v>
      </c>
      <c r="H44" s="17"/>
      <c r="I44" s="13">
        <v>5673</v>
      </c>
      <c r="J44" s="19">
        <v>2568</v>
      </c>
      <c r="K44" s="19">
        <v>3105</v>
      </c>
    </row>
    <row r="45" spans="1:11" ht="15" customHeight="1">
      <c r="A45" s="17" t="s">
        <v>87</v>
      </c>
      <c r="B45" s="17"/>
      <c r="C45" s="13">
        <v>7654</v>
      </c>
      <c r="D45" s="19">
        <v>3938</v>
      </c>
      <c r="E45" s="19">
        <v>3716</v>
      </c>
      <c r="F45" s="19"/>
      <c r="G45" s="18" t="s">
        <v>88</v>
      </c>
      <c r="H45" s="17"/>
      <c r="I45" s="13">
        <v>5335</v>
      </c>
      <c r="J45" s="19">
        <v>2456</v>
      </c>
      <c r="K45" s="19">
        <v>2879</v>
      </c>
    </row>
    <row r="46" spans="1:11" ht="15" customHeight="1">
      <c r="A46" s="17" t="s">
        <v>89</v>
      </c>
      <c r="B46" s="17"/>
      <c r="C46" s="13">
        <v>7319</v>
      </c>
      <c r="D46" s="19">
        <v>3894</v>
      </c>
      <c r="E46" s="19">
        <v>3425</v>
      </c>
      <c r="F46" s="19"/>
      <c r="G46" s="18" t="s">
        <v>90</v>
      </c>
      <c r="H46" s="17"/>
      <c r="I46" s="13">
        <v>5226</v>
      </c>
      <c r="J46" s="19">
        <v>2351</v>
      </c>
      <c r="K46" s="19">
        <v>2875</v>
      </c>
    </row>
    <row r="47" spans="1:11" ht="20.100000000000001" customHeight="1">
      <c r="A47" s="17" t="s">
        <v>91</v>
      </c>
      <c r="B47" s="17"/>
      <c r="C47" s="13">
        <v>41130</v>
      </c>
      <c r="D47" s="14">
        <v>21408</v>
      </c>
      <c r="E47" s="14">
        <v>19722</v>
      </c>
      <c r="F47" s="14"/>
      <c r="G47" s="18" t="s">
        <v>92</v>
      </c>
      <c r="H47" s="17"/>
      <c r="I47" s="13">
        <v>17704</v>
      </c>
      <c r="J47" s="14">
        <v>6990</v>
      </c>
      <c r="K47" s="14">
        <v>10714</v>
      </c>
    </row>
    <row r="48" spans="1:11" ht="15" customHeight="1">
      <c r="A48" s="17" t="s">
        <v>93</v>
      </c>
      <c r="B48" s="17"/>
      <c r="C48" s="13">
        <v>7732</v>
      </c>
      <c r="D48" s="19">
        <v>4051</v>
      </c>
      <c r="E48" s="19">
        <v>3681</v>
      </c>
      <c r="F48" s="19"/>
      <c r="G48" s="18" t="s">
        <v>94</v>
      </c>
      <c r="H48" s="17"/>
      <c r="I48" s="13">
        <v>4581</v>
      </c>
      <c r="J48" s="19">
        <v>1950</v>
      </c>
      <c r="K48" s="19">
        <v>2631</v>
      </c>
    </row>
    <row r="49" spans="1:11" ht="15" customHeight="1">
      <c r="A49" s="17" t="s">
        <v>95</v>
      </c>
      <c r="B49" s="17"/>
      <c r="C49" s="13">
        <v>7959</v>
      </c>
      <c r="D49" s="19">
        <v>4123</v>
      </c>
      <c r="E49" s="19">
        <v>3836</v>
      </c>
      <c r="F49" s="19"/>
      <c r="G49" s="18" t="s">
        <v>96</v>
      </c>
      <c r="H49" s="17"/>
      <c r="I49" s="13">
        <v>4165</v>
      </c>
      <c r="J49" s="19">
        <v>1717</v>
      </c>
      <c r="K49" s="19">
        <v>2448</v>
      </c>
    </row>
    <row r="50" spans="1:11" ht="15" customHeight="1">
      <c r="A50" s="17" t="s">
        <v>97</v>
      </c>
      <c r="B50" s="17"/>
      <c r="C50" s="13">
        <v>8326</v>
      </c>
      <c r="D50" s="19">
        <v>4369</v>
      </c>
      <c r="E50" s="19">
        <v>3957</v>
      </c>
      <c r="F50" s="19"/>
      <c r="G50" s="18" t="s">
        <v>98</v>
      </c>
      <c r="H50" s="17"/>
      <c r="I50" s="13">
        <v>3275</v>
      </c>
      <c r="J50" s="19">
        <v>1298</v>
      </c>
      <c r="K50" s="19">
        <v>1977</v>
      </c>
    </row>
    <row r="51" spans="1:11" ht="15" customHeight="1">
      <c r="A51" s="17" t="s">
        <v>99</v>
      </c>
      <c r="B51" s="17"/>
      <c r="C51" s="13">
        <v>8578</v>
      </c>
      <c r="D51" s="19">
        <v>4421</v>
      </c>
      <c r="E51" s="19">
        <v>4157</v>
      </c>
      <c r="F51" s="19"/>
      <c r="G51" s="18" t="s">
        <v>100</v>
      </c>
      <c r="H51" s="17"/>
      <c r="I51" s="13">
        <v>3044</v>
      </c>
      <c r="J51" s="19">
        <v>1091</v>
      </c>
      <c r="K51" s="19">
        <v>1953</v>
      </c>
    </row>
    <row r="52" spans="1:11" ht="15" customHeight="1">
      <c r="A52" s="17" t="s">
        <v>101</v>
      </c>
      <c r="B52" s="17"/>
      <c r="C52" s="13">
        <v>8535</v>
      </c>
      <c r="D52" s="19">
        <v>4444</v>
      </c>
      <c r="E52" s="19">
        <v>4091</v>
      </c>
      <c r="F52" s="19"/>
      <c r="G52" s="18" t="s">
        <v>102</v>
      </c>
      <c r="H52" s="17"/>
      <c r="I52" s="13">
        <v>2639</v>
      </c>
      <c r="J52" s="19">
        <v>934</v>
      </c>
      <c r="K52" s="19">
        <v>1705</v>
      </c>
    </row>
    <row r="53" spans="1:11" ht="20.100000000000001" customHeight="1">
      <c r="A53" s="17" t="s">
        <v>103</v>
      </c>
      <c r="B53" s="17"/>
      <c r="C53" s="13">
        <v>47194</v>
      </c>
      <c r="D53" s="14">
        <v>24515</v>
      </c>
      <c r="E53" s="14">
        <v>22679</v>
      </c>
      <c r="F53" s="14"/>
      <c r="G53" s="18" t="s">
        <v>104</v>
      </c>
      <c r="H53" s="17"/>
      <c r="I53" s="13">
        <v>7693</v>
      </c>
      <c r="J53" s="14">
        <v>2351</v>
      </c>
      <c r="K53" s="14">
        <v>5342</v>
      </c>
    </row>
    <row r="54" spans="1:11" ht="15" customHeight="1">
      <c r="A54" s="17" t="s">
        <v>105</v>
      </c>
      <c r="B54" s="17"/>
      <c r="C54" s="13">
        <v>8835</v>
      </c>
      <c r="D54" s="19">
        <v>4623</v>
      </c>
      <c r="E54" s="19">
        <v>4212</v>
      </c>
      <c r="F54" s="19"/>
      <c r="G54" s="18" t="s">
        <v>106</v>
      </c>
      <c r="H54" s="17"/>
      <c r="I54" s="13">
        <v>2160</v>
      </c>
      <c r="J54" s="19">
        <v>734</v>
      </c>
      <c r="K54" s="19">
        <v>1426</v>
      </c>
    </row>
    <row r="55" spans="1:11" ht="15" customHeight="1">
      <c r="A55" s="17" t="s">
        <v>107</v>
      </c>
      <c r="B55" s="17"/>
      <c r="C55" s="13">
        <v>9042</v>
      </c>
      <c r="D55" s="19">
        <v>4725</v>
      </c>
      <c r="E55" s="19">
        <v>4317</v>
      </c>
      <c r="F55" s="19"/>
      <c r="G55" s="18" t="s">
        <v>108</v>
      </c>
      <c r="H55" s="17"/>
      <c r="I55" s="13">
        <v>1952</v>
      </c>
      <c r="J55" s="19">
        <v>627</v>
      </c>
      <c r="K55" s="19">
        <v>1325</v>
      </c>
    </row>
    <row r="56" spans="1:11" ht="15" customHeight="1">
      <c r="A56" s="17" t="s">
        <v>109</v>
      </c>
      <c r="B56" s="17"/>
      <c r="C56" s="13">
        <v>9331</v>
      </c>
      <c r="D56" s="19">
        <v>4855</v>
      </c>
      <c r="E56" s="19">
        <v>4476</v>
      </c>
      <c r="F56" s="19"/>
      <c r="G56" s="18" t="s">
        <v>110</v>
      </c>
      <c r="H56" s="17"/>
      <c r="I56" s="13">
        <v>1505</v>
      </c>
      <c r="J56" s="19">
        <v>448</v>
      </c>
      <c r="K56" s="19">
        <v>1057</v>
      </c>
    </row>
    <row r="57" spans="1:11" ht="15" customHeight="1">
      <c r="A57" s="17" t="s">
        <v>111</v>
      </c>
      <c r="B57" s="17"/>
      <c r="C57" s="13">
        <v>9871</v>
      </c>
      <c r="D57" s="19">
        <v>5082</v>
      </c>
      <c r="E57" s="19">
        <v>4789</v>
      </c>
      <c r="F57" s="19"/>
      <c r="G57" s="18" t="s">
        <v>112</v>
      </c>
      <c r="H57" s="17"/>
      <c r="I57" s="13">
        <v>1228</v>
      </c>
      <c r="J57" s="19">
        <v>341</v>
      </c>
      <c r="K57" s="19">
        <v>887</v>
      </c>
    </row>
    <row r="58" spans="1:11" ht="15" customHeight="1">
      <c r="A58" s="17" t="s">
        <v>113</v>
      </c>
      <c r="B58" s="17"/>
      <c r="C58" s="13">
        <v>10115</v>
      </c>
      <c r="D58" s="19">
        <v>5230</v>
      </c>
      <c r="E58" s="19">
        <v>4885</v>
      </c>
      <c r="F58" s="19"/>
      <c r="G58" s="18" t="s">
        <v>114</v>
      </c>
      <c r="H58" s="17"/>
      <c r="I58" s="13">
        <v>848</v>
      </c>
      <c r="J58" s="19">
        <v>201</v>
      </c>
      <c r="K58" s="19">
        <v>647</v>
      </c>
    </row>
    <row r="59" spans="1:11" ht="20.100000000000001" customHeight="1">
      <c r="A59" s="17" t="s">
        <v>115</v>
      </c>
      <c r="B59" s="17"/>
      <c r="C59" s="13">
        <v>57694</v>
      </c>
      <c r="D59" s="14">
        <v>30094</v>
      </c>
      <c r="E59" s="14">
        <v>27600</v>
      </c>
      <c r="F59" s="14"/>
      <c r="G59" s="18" t="s">
        <v>116</v>
      </c>
      <c r="H59" s="17"/>
      <c r="I59" s="13">
        <v>1993</v>
      </c>
      <c r="J59" s="14">
        <v>407</v>
      </c>
      <c r="K59" s="14">
        <v>1586</v>
      </c>
    </row>
    <row r="60" spans="1:11" ht="15" customHeight="1">
      <c r="A60" s="17" t="s">
        <v>117</v>
      </c>
      <c r="B60" s="17"/>
      <c r="C60" s="13">
        <v>10463</v>
      </c>
      <c r="D60" s="19">
        <v>5606</v>
      </c>
      <c r="E60" s="19">
        <v>4857</v>
      </c>
      <c r="F60" s="19"/>
      <c r="G60" s="18" t="s">
        <v>118</v>
      </c>
      <c r="H60" s="17"/>
      <c r="I60" s="13">
        <v>645</v>
      </c>
      <c r="J60" s="19">
        <v>146</v>
      </c>
      <c r="K60" s="19">
        <v>499</v>
      </c>
    </row>
    <row r="61" spans="1:11" ht="15" customHeight="1">
      <c r="A61" s="17" t="s">
        <v>119</v>
      </c>
      <c r="B61" s="17"/>
      <c r="C61" s="13">
        <v>10779</v>
      </c>
      <c r="D61" s="19">
        <v>5547</v>
      </c>
      <c r="E61" s="19">
        <v>5232</v>
      </c>
      <c r="F61" s="19"/>
      <c r="G61" s="18" t="s">
        <v>120</v>
      </c>
      <c r="H61" s="17"/>
      <c r="I61" s="13">
        <v>508</v>
      </c>
      <c r="J61" s="19">
        <v>125</v>
      </c>
      <c r="K61" s="19">
        <v>383</v>
      </c>
    </row>
    <row r="62" spans="1:11" ht="15" customHeight="1">
      <c r="A62" s="17" t="s">
        <v>121</v>
      </c>
      <c r="B62" s="17"/>
      <c r="C62" s="13">
        <v>11753</v>
      </c>
      <c r="D62" s="19">
        <v>6181</v>
      </c>
      <c r="E62" s="19">
        <v>5572</v>
      </c>
      <c r="F62" s="19"/>
      <c r="G62" s="18" t="s">
        <v>122</v>
      </c>
      <c r="H62" s="17"/>
      <c r="I62" s="13">
        <v>357</v>
      </c>
      <c r="J62" s="19">
        <v>61</v>
      </c>
      <c r="K62" s="19">
        <v>296</v>
      </c>
    </row>
    <row r="63" spans="1:11" ht="15" customHeight="1">
      <c r="A63" s="17" t="s">
        <v>123</v>
      </c>
      <c r="B63" s="17"/>
      <c r="C63" s="13">
        <v>12448</v>
      </c>
      <c r="D63" s="19">
        <v>6442</v>
      </c>
      <c r="E63" s="19">
        <v>6006</v>
      </c>
      <c r="F63" s="19"/>
      <c r="G63" s="18" t="s">
        <v>124</v>
      </c>
      <c r="H63" s="17"/>
      <c r="I63" s="13">
        <v>289</v>
      </c>
      <c r="J63" s="19">
        <v>49</v>
      </c>
      <c r="K63" s="19">
        <v>240</v>
      </c>
    </row>
    <row r="64" spans="1:11" ht="15" customHeight="1">
      <c r="A64" s="17" t="s">
        <v>125</v>
      </c>
      <c r="B64" s="17"/>
      <c r="C64" s="13">
        <v>12251</v>
      </c>
      <c r="D64" s="19">
        <v>6318</v>
      </c>
      <c r="E64" s="19">
        <v>5933</v>
      </c>
      <c r="F64" s="19"/>
      <c r="G64" s="18" t="s">
        <v>126</v>
      </c>
      <c r="H64" s="17"/>
      <c r="I64" s="13">
        <v>194</v>
      </c>
      <c r="J64" s="19">
        <v>26</v>
      </c>
      <c r="K64" s="19">
        <v>168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326</v>
      </c>
      <c r="J65" s="19">
        <v>46</v>
      </c>
      <c r="K65" s="19">
        <v>280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21865</v>
      </c>
      <c r="J66" s="27">
        <v>11547</v>
      </c>
      <c r="K66" s="27">
        <v>10318</v>
      </c>
    </row>
    <row r="68" spans="1:11">
      <c r="F68" s="28"/>
    </row>
    <row r="75" spans="1:11">
      <c r="F75" s="29"/>
    </row>
    <row r="76" spans="1:11">
      <c r="F76" s="22"/>
    </row>
    <row r="77" spans="1:11">
      <c r="F77" s="22"/>
    </row>
    <row r="78" spans="1:11">
      <c r="F78" s="22"/>
    </row>
    <row r="79" spans="1:11">
      <c r="F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38" t="s">
        <v>161</v>
      </c>
      <c r="B2" s="38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69461</v>
      </c>
      <c r="D4" s="14">
        <v>85121</v>
      </c>
      <c r="E4" s="14">
        <v>8434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039</v>
      </c>
      <c r="D5" s="14">
        <v>2542</v>
      </c>
      <c r="E5" s="14">
        <v>2497</v>
      </c>
      <c r="F5" s="14"/>
      <c r="G5" s="18" t="s">
        <v>8</v>
      </c>
      <c r="H5" s="17"/>
      <c r="I5" s="13">
        <v>13123</v>
      </c>
      <c r="J5" s="14">
        <v>6831</v>
      </c>
      <c r="K5" s="14">
        <v>6292</v>
      </c>
    </row>
    <row r="6" spans="1:11" ht="15" customHeight="1">
      <c r="A6" s="17" t="s">
        <v>9</v>
      </c>
      <c r="B6" s="17"/>
      <c r="C6" s="13">
        <v>973</v>
      </c>
      <c r="D6" s="19">
        <v>504</v>
      </c>
      <c r="E6" s="19">
        <v>469</v>
      </c>
      <c r="F6" s="19"/>
      <c r="G6" s="18" t="s">
        <v>10</v>
      </c>
      <c r="H6" s="17"/>
      <c r="I6" s="13">
        <v>2856</v>
      </c>
      <c r="J6" s="19">
        <v>1479</v>
      </c>
      <c r="K6" s="19">
        <v>1377</v>
      </c>
    </row>
    <row r="7" spans="1:11" ht="15" customHeight="1">
      <c r="A7" s="17" t="s">
        <v>11</v>
      </c>
      <c r="B7" s="17"/>
      <c r="C7" s="13">
        <v>964</v>
      </c>
      <c r="D7" s="19">
        <v>494</v>
      </c>
      <c r="E7" s="19">
        <v>470</v>
      </c>
      <c r="F7" s="19"/>
      <c r="G7" s="18" t="s">
        <v>12</v>
      </c>
      <c r="H7" s="17"/>
      <c r="I7" s="13">
        <v>2678</v>
      </c>
      <c r="J7" s="19">
        <v>1445</v>
      </c>
      <c r="K7" s="19">
        <v>1233</v>
      </c>
    </row>
    <row r="8" spans="1:11" ht="15" customHeight="1">
      <c r="A8" s="17" t="s">
        <v>13</v>
      </c>
      <c r="B8" s="17"/>
      <c r="C8" s="13">
        <v>955</v>
      </c>
      <c r="D8" s="19">
        <v>458</v>
      </c>
      <c r="E8" s="19">
        <v>497</v>
      </c>
      <c r="F8" s="19"/>
      <c r="G8" s="18" t="s">
        <v>14</v>
      </c>
      <c r="H8" s="17"/>
      <c r="I8" s="13">
        <v>2575</v>
      </c>
      <c r="J8" s="19">
        <v>1326</v>
      </c>
      <c r="K8" s="19">
        <v>1249</v>
      </c>
    </row>
    <row r="9" spans="1:11" ht="15" customHeight="1">
      <c r="A9" s="17" t="s">
        <v>15</v>
      </c>
      <c r="B9" s="17"/>
      <c r="C9" s="13">
        <v>1050</v>
      </c>
      <c r="D9" s="19">
        <v>532</v>
      </c>
      <c r="E9" s="19">
        <v>518</v>
      </c>
      <c r="F9" s="19"/>
      <c r="G9" s="18" t="s">
        <v>16</v>
      </c>
      <c r="H9" s="17"/>
      <c r="I9" s="13">
        <v>2381</v>
      </c>
      <c r="J9" s="19">
        <v>1208</v>
      </c>
      <c r="K9" s="19">
        <v>1173</v>
      </c>
    </row>
    <row r="10" spans="1:11" ht="15" customHeight="1">
      <c r="A10" s="17" t="s">
        <v>17</v>
      </c>
      <c r="B10" s="17"/>
      <c r="C10" s="13">
        <v>1097</v>
      </c>
      <c r="D10" s="19">
        <v>554</v>
      </c>
      <c r="E10" s="19">
        <v>543</v>
      </c>
      <c r="F10" s="19"/>
      <c r="G10" s="18" t="s">
        <v>18</v>
      </c>
      <c r="H10" s="17"/>
      <c r="I10" s="13">
        <v>2633</v>
      </c>
      <c r="J10" s="19">
        <v>1373</v>
      </c>
      <c r="K10" s="19">
        <v>1260</v>
      </c>
    </row>
    <row r="11" spans="1:11" ht="20.100000000000001" customHeight="1">
      <c r="A11" s="17" t="s">
        <v>19</v>
      </c>
      <c r="B11" s="17"/>
      <c r="C11" s="13">
        <v>6187</v>
      </c>
      <c r="D11" s="14">
        <v>3123</v>
      </c>
      <c r="E11" s="14">
        <v>3064</v>
      </c>
      <c r="F11" s="14"/>
      <c r="G11" s="18" t="s">
        <v>20</v>
      </c>
      <c r="H11" s="17"/>
      <c r="I11" s="13">
        <v>10520</v>
      </c>
      <c r="J11" s="14">
        <v>5415</v>
      </c>
      <c r="K11" s="14">
        <v>5105</v>
      </c>
    </row>
    <row r="12" spans="1:11" ht="15" customHeight="1">
      <c r="A12" s="17" t="s">
        <v>21</v>
      </c>
      <c r="B12" s="17"/>
      <c r="C12" s="13">
        <v>1129</v>
      </c>
      <c r="D12" s="19">
        <v>581</v>
      </c>
      <c r="E12" s="19">
        <v>548</v>
      </c>
      <c r="F12" s="19"/>
      <c r="G12" s="18" t="s">
        <v>22</v>
      </c>
      <c r="H12" s="17"/>
      <c r="I12" s="13">
        <v>1849</v>
      </c>
      <c r="J12" s="19">
        <v>958</v>
      </c>
      <c r="K12" s="19">
        <v>891</v>
      </c>
    </row>
    <row r="13" spans="1:11" ht="15" customHeight="1">
      <c r="A13" s="17" t="s">
        <v>23</v>
      </c>
      <c r="B13" s="17"/>
      <c r="C13" s="13">
        <v>1213</v>
      </c>
      <c r="D13" s="19">
        <v>630</v>
      </c>
      <c r="E13" s="19">
        <v>583</v>
      </c>
      <c r="F13" s="19"/>
      <c r="G13" s="18" t="s">
        <v>24</v>
      </c>
      <c r="H13" s="17"/>
      <c r="I13" s="13">
        <v>2425</v>
      </c>
      <c r="J13" s="19">
        <v>1251</v>
      </c>
      <c r="K13" s="19">
        <v>1174</v>
      </c>
    </row>
    <row r="14" spans="1:11" ht="15" customHeight="1">
      <c r="A14" s="17" t="s">
        <v>25</v>
      </c>
      <c r="B14" s="17"/>
      <c r="C14" s="13">
        <v>1239</v>
      </c>
      <c r="D14" s="19">
        <v>628</v>
      </c>
      <c r="E14" s="19">
        <v>611</v>
      </c>
      <c r="F14" s="19"/>
      <c r="G14" s="18" t="s">
        <v>26</v>
      </c>
      <c r="H14" s="17"/>
      <c r="I14" s="13">
        <v>2208</v>
      </c>
      <c r="J14" s="19">
        <v>1118</v>
      </c>
      <c r="K14" s="19">
        <v>1090</v>
      </c>
    </row>
    <row r="15" spans="1:11" ht="15" customHeight="1">
      <c r="A15" s="17" t="s">
        <v>27</v>
      </c>
      <c r="B15" s="17"/>
      <c r="C15" s="13">
        <v>1267</v>
      </c>
      <c r="D15" s="19">
        <v>610</v>
      </c>
      <c r="E15" s="19">
        <v>657</v>
      </c>
      <c r="F15" s="19"/>
      <c r="G15" s="18" t="s">
        <v>28</v>
      </c>
      <c r="H15" s="17"/>
      <c r="I15" s="13">
        <v>2053</v>
      </c>
      <c r="J15" s="19">
        <v>1057</v>
      </c>
      <c r="K15" s="19">
        <v>996</v>
      </c>
    </row>
    <row r="16" spans="1:11" ht="15" customHeight="1">
      <c r="A16" s="17" t="s">
        <v>29</v>
      </c>
      <c r="B16" s="17"/>
      <c r="C16" s="13">
        <v>1339</v>
      </c>
      <c r="D16" s="19">
        <v>674</v>
      </c>
      <c r="E16" s="19">
        <v>665</v>
      </c>
      <c r="F16" s="19"/>
      <c r="G16" s="18" t="s">
        <v>30</v>
      </c>
      <c r="H16" s="17"/>
      <c r="I16" s="13">
        <v>1985</v>
      </c>
      <c r="J16" s="19">
        <v>1031</v>
      </c>
      <c r="K16" s="19">
        <v>954</v>
      </c>
    </row>
    <row r="17" spans="1:11" ht="20.100000000000001" customHeight="1">
      <c r="A17" s="20" t="s">
        <v>31</v>
      </c>
      <c r="B17" s="20"/>
      <c r="C17" s="13">
        <v>6934</v>
      </c>
      <c r="D17" s="14">
        <v>3496</v>
      </c>
      <c r="E17" s="14">
        <v>3438</v>
      </c>
      <c r="F17" s="14"/>
      <c r="G17" s="18" t="s">
        <v>32</v>
      </c>
      <c r="H17" s="17"/>
      <c r="I17" s="13">
        <v>9318</v>
      </c>
      <c r="J17" s="14">
        <v>4758</v>
      </c>
      <c r="K17" s="14">
        <v>4560</v>
      </c>
    </row>
    <row r="18" spans="1:11" ht="15" customHeight="1">
      <c r="A18" s="17" t="s">
        <v>33</v>
      </c>
      <c r="B18" s="17"/>
      <c r="C18" s="13">
        <v>1312</v>
      </c>
      <c r="D18" s="19">
        <v>683</v>
      </c>
      <c r="E18" s="19">
        <v>629</v>
      </c>
      <c r="F18" s="19">
        <v>629</v>
      </c>
      <c r="G18" s="18" t="s">
        <v>34</v>
      </c>
      <c r="H18" s="17"/>
      <c r="I18" s="13">
        <v>1894</v>
      </c>
      <c r="J18" s="19">
        <v>970</v>
      </c>
      <c r="K18" s="19">
        <v>924</v>
      </c>
    </row>
    <row r="19" spans="1:11" ht="15" customHeight="1">
      <c r="A19" s="17" t="s">
        <v>35</v>
      </c>
      <c r="B19" s="17"/>
      <c r="C19" s="13">
        <v>1348</v>
      </c>
      <c r="D19" s="19">
        <v>668</v>
      </c>
      <c r="E19" s="19">
        <v>680</v>
      </c>
      <c r="F19" s="19">
        <v>680</v>
      </c>
      <c r="G19" s="18" t="s">
        <v>36</v>
      </c>
      <c r="H19" s="17"/>
      <c r="I19" s="13">
        <v>1842</v>
      </c>
      <c r="J19" s="19">
        <v>942</v>
      </c>
      <c r="K19" s="19">
        <v>900</v>
      </c>
    </row>
    <row r="20" spans="1:11" ht="15" customHeight="1">
      <c r="A20" s="17" t="s">
        <v>37</v>
      </c>
      <c r="B20" s="17"/>
      <c r="C20" s="13">
        <v>1421</v>
      </c>
      <c r="D20" s="19">
        <v>697</v>
      </c>
      <c r="E20" s="19">
        <v>724</v>
      </c>
      <c r="F20" s="19">
        <v>724</v>
      </c>
      <c r="G20" s="18" t="s">
        <v>38</v>
      </c>
      <c r="H20" s="17"/>
      <c r="I20" s="13">
        <v>1874</v>
      </c>
      <c r="J20" s="19">
        <v>957</v>
      </c>
      <c r="K20" s="19">
        <v>917</v>
      </c>
    </row>
    <row r="21" spans="1:11" ht="15" customHeight="1">
      <c r="A21" s="17" t="s">
        <v>39</v>
      </c>
      <c r="B21" s="17"/>
      <c r="C21" s="13">
        <v>1356</v>
      </c>
      <c r="D21" s="19">
        <v>686</v>
      </c>
      <c r="E21" s="19">
        <v>670</v>
      </c>
      <c r="F21" s="19">
        <v>670</v>
      </c>
      <c r="G21" s="18" t="s">
        <v>40</v>
      </c>
      <c r="H21" s="17"/>
      <c r="I21" s="13">
        <v>1893</v>
      </c>
      <c r="J21" s="19">
        <v>961</v>
      </c>
      <c r="K21" s="19">
        <v>932</v>
      </c>
    </row>
    <row r="22" spans="1:11" ht="15" customHeight="1">
      <c r="A22" s="17" t="s">
        <v>41</v>
      </c>
      <c r="B22" s="17"/>
      <c r="C22" s="13">
        <v>1497</v>
      </c>
      <c r="D22" s="19">
        <v>762</v>
      </c>
      <c r="E22" s="19">
        <v>735</v>
      </c>
      <c r="F22" s="19">
        <v>735</v>
      </c>
      <c r="G22" s="18" t="s">
        <v>42</v>
      </c>
      <c r="H22" s="17"/>
      <c r="I22" s="13">
        <v>1815</v>
      </c>
      <c r="J22" s="19">
        <v>928</v>
      </c>
      <c r="K22" s="19">
        <v>887</v>
      </c>
    </row>
    <row r="23" spans="1:11" ht="20.100000000000001" customHeight="1">
      <c r="A23" s="17" t="s">
        <v>43</v>
      </c>
      <c r="B23" s="17"/>
      <c r="C23" s="13">
        <v>7482</v>
      </c>
      <c r="D23" s="14">
        <v>3824</v>
      </c>
      <c r="E23" s="14">
        <v>3658</v>
      </c>
      <c r="F23" s="14"/>
      <c r="G23" s="18" t="s">
        <v>44</v>
      </c>
      <c r="H23" s="17"/>
      <c r="I23" s="13">
        <v>10477</v>
      </c>
      <c r="J23" s="14">
        <v>5076</v>
      </c>
      <c r="K23" s="14">
        <v>5401</v>
      </c>
    </row>
    <row r="24" spans="1:11" ht="15" customHeight="1">
      <c r="A24" s="17" t="s">
        <v>45</v>
      </c>
      <c r="B24" s="17"/>
      <c r="C24" s="13">
        <v>1415</v>
      </c>
      <c r="D24" s="19">
        <v>723</v>
      </c>
      <c r="E24" s="19">
        <v>692</v>
      </c>
      <c r="F24" s="19"/>
      <c r="G24" s="18" t="s">
        <v>46</v>
      </c>
      <c r="H24" s="17"/>
      <c r="I24" s="13">
        <v>1902</v>
      </c>
      <c r="J24" s="19">
        <v>933</v>
      </c>
      <c r="K24" s="19">
        <v>969</v>
      </c>
    </row>
    <row r="25" spans="1:11" ht="15" customHeight="1">
      <c r="A25" s="17" t="s">
        <v>47</v>
      </c>
      <c r="B25" s="17"/>
      <c r="C25" s="13">
        <v>1453</v>
      </c>
      <c r="D25" s="19">
        <v>705</v>
      </c>
      <c r="E25" s="19">
        <v>748</v>
      </c>
      <c r="F25" s="19"/>
      <c r="G25" s="18" t="s">
        <v>48</v>
      </c>
      <c r="H25" s="17"/>
      <c r="I25" s="13">
        <v>1992</v>
      </c>
      <c r="J25" s="19">
        <v>976</v>
      </c>
      <c r="K25" s="19">
        <v>1016</v>
      </c>
    </row>
    <row r="26" spans="1:11" ht="15" customHeight="1">
      <c r="A26" s="17" t="s">
        <v>49</v>
      </c>
      <c r="B26" s="17"/>
      <c r="C26" s="13">
        <v>1456</v>
      </c>
      <c r="D26" s="19">
        <v>755</v>
      </c>
      <c r="E26" s="19">
        <v>701</v>
      </c>
      <c r="F26" s="19"/>
      <c r="G26" s="18" t="s">
        <v>50</v>
      </c>
      <c r="H26" s="17"/>
      <c r="I26" s="13">
        <v>2125</v>
      </c>
      <c r="J26" s="19">
        <v>1033</v>
      </c>
      <c r="K26" s="19">
        <v>1092</v>
      </c>
    </row>
    <row r="27" spans="1:11" ht="15" customHeight="1">
      <c r="A27" s="17" t="s">
        <v>51</v>
      </c>
      <c r="B27" s="17"/>
      <c r="C27" s="13">
        <v>1528</v>
      </c>
      <c r="D27" s="19">
        <v>809</v>
      </c>
      <c r="E27" s="19">
        <v>719</v>
      </c>
      <c r="F27" s="19"/>
      <c r="G27" s="18" t="s">
        <v>52</v>
      </c>
      <c r="H27" s="17"/>
      <c r="I27" s="13">
        <v>2100</v>
      </c>
      <c r="J27" s="19">
        <v>1019</v>
      </c>
      <c r="K27" s="19">
        <v>1081</v>
      </c>
    </row>
    <row r="28" spans="1:11" ht="15" customHeight="1">
      <c r="A28" s="17" t="s">
        <v>53</v>
      </c>
      <c r="B28" s="17"/>
      <c r="C28" s="13">
        <v>1630</v>
      </c>
      <c r="D28" s="19">
        <v>832</v>
      </c>
      <c r="E28" s="19">
        <v>798</v>
      </c>
      <c r="F28" s="19"/>
      <c r="G28" s="18" t="s">
        <v>54</v>
      </c>
      <c r="H28" s="17"/>
      <c r="I28" s="13">
        <v>2358</v>
      </c>
      <c r="J28" s="19">
        <v>1115</v>
      </c>
      <c r="K28" s="19">
        <v>1243</v>
      </c>
    </row>
    <row r="29" spans="1:11" ht="20.100000000000001" customHeight="1">
      <c r="A29" s="17" t="s">
        <v>55</v>
      </c>
      <c r="B29" s="17"/>
      <c r="C29" s="13">
        <v>9143</v>
      </c>
      <c r="D29" s="14">
        <v>4510</v>
      </c>
      <c r="E29" s="14">
        <v>4633</v>
      </c>
      <c r="F29" s="14"/>
      <c r="G29" s="18" t="s">
        <v>56</v>
      </c>
      <c r="H29" s="17"/>
      <c r="I29" s="13">
        <v>13989</v>
      </c>
      <c r="J29" s="14">
        <v>6689</v>
      </c>
      <c r="K29" s="14">
        <v>7300</v>
      </c>
    </row>
    <row r="30" spans="1:11" ht="15" customHeight="1">
      <c r="A30" s="17" t="s">
        <v>57</v>
      </c>
      <c r="B30" s="17"/>
      <c r="C30" s="13">
        <v>1796</v>
      </c>
      <c r="D30" s="19">
        <v>859</v>
      </c>
      <c r="E30" s="19">
        <v>937</v>
      </c>
      <c r="F30" s="19"/>
      <c r="G30" s="18" t="s">
        <v>58</v>
      </c>
      <c r="H30" s="17"/>
      <c r="I30" s="13">
        <v>2505</v>
      </c>
      <c r="J30" s="19">
        <v>1239</v>
      </c>
      <c r="K30" s="19">
        <v>1266</v>
      </c>
    </row>
    <row r="31" spans="1:11" ht="15" customHeight="1">
      <c r="A31" s="17" t="s">
        <v>59</v>
      </c>
      <c r="B31" s="17"/>
      <c r="C31" s="13">
        <v>1959</v>
      </c>
      <c r="D31" s="19">
        <v>957</v>
      </c>
      <c r="E31" s="19">
        <v>1002</v>
      </c>
      <c r="F31" s="19"/>
      <c r="G31" s="18" t="s">
        <v>60</v>
      </c>
      <c r="H31" s="17"/>
      <c r="I31" s="13">
        <v>2706</v>
      </c>
      <c r="J31" s="19">
        <v>1287</v>
      </c>
      <c r="K31" s="19">
        <v>1419</v>
      </c>
    </row>
    <row r="32" spans="1:11" ht="15" customHeight="1">
      <c r="A32" s="17" t="s">
        <v>61</v>
      </c>
      <c r="B32" s="17"/>
      <c r="C32" s="13">
        <v>1843</v>
      </c>
      <c r="D32" s="19">
        <v>886</v>
      </c>
      <c r="E32" s="19">
        <v>957</v>
      </c>
      <c r="F32" s="19"/>
      <c r="G32" s="18" t="s">
        <v>62</v>
      </c>
      <c r="H32" s="17"/>
      <c r="I32" s="13">
        <v>3046</v>
      </c>
      <c r="J32" s="19">
        <v>1449</v>
      </c>
      <c r="K32" s="19">
        <v>1597</v>
      </c>
    </row>
    <row r="33" spans="1:11" ht="15" customHeight="1">
      <c r="A33" s="17" t="s">
        <v>63</v>
      </c>
      <c r="B33" s="17"/>
      <c r="C33" s="13">
        <v>1849</v>
      </c>
      <c r="D33" s="19">
        <v>934</v>
      </c>
      <c r="E33" s="19">
        <v>915</v>
      </c>
      <c r="F33" s="19"/>
      <c r="G33" s="18" t="s">
        <v>64</v>
      </c>
      <c r="H33" s="17"/>
      <c r="I33" s="13">
        <v>2892</v>
      </c>
      <c r="J33" s="19">
        <v>1324</v>
      </c>
      <c r="K33" s="19">
        <v>1568</v>
      </c>
    </row>
    <row r="34" spans="1:11" ht="15" customHeight="1">
      <c r="A34" s="17" t="s">
        <v>65</v>
      </c>
      <c r="B34" s="17"/>
      <c r="C34" s="13">
        <v>1696</v>
      </c>
      <c r="D34" s="19">
        <v>874</v>
      </c>
      <c r="E34" s="19">
        <v>822</v>
      </c>
      <c r="F34" s="19"/>
      <c r="G34" s="18" t="s">
        <v>66</v>
      </c>
      <c r="H34" s="17"/>
      <c r="I34" s="13">
        <v>2840</v>
      </c>
      <c r="J34" s="19">
        <v>1390</v>
      </c>
      <c r="K34" s="19">
        <v>1450</v>
      </c>
    </row>
    <row r="35" spans="1:11" ht="20.100000000000001" customHeight="1">
      <c r="A35" s="17" t="s">
        <v>67</v>
      </c>
      <c r="B35" s="17"/>
      <c r="C35" s="13">
        <v>7951</v>
      </c>
      <c r="D35" s="14">
        <v>4176</v>
      </c>
      <c r="E35" s="14">
        <v>3775</v>
      </c>
      <c r="F35" s="14"/>
      <c r="G35" s="18" t="s">
        <v>68</v>
      </c>
      <c r="H35" s="17"/>
      <c r="I35" s="13">
        <v>10113</v>
      </c>
      <c r="J35" s="14">
        <v>4834</v>
      </c>
      <c r="K35" s="14">
        <v>5279</v>
      </c>
    </row>
    <row r="36" spans="1:11" ht="15" customHeight="1">
      <c r="A36" s="17" t="s">
        <v>69</v>
      </c>
      <c r="B36" s="17"/>
      <c r="C36" s="13">
        <v>1574</v>
      </c>
      <c r="D36" s="19">
        <v>838</v>
      </c>
      <c r="E36" s="19">
        <v>736</v>
      </c>
      <c r="F36" s="19"/>
      <c r="G36" s="18" t="s">
        <v>70</v>
      </c>
      <c r="H36" s="17"/>
      <c r="I36" s="13">
        <v>2069</v>
      </c>
      <c r="J36" s="19">
        <v>967</v>
      </c>
      <c r="K36" s="19">
        <v>1102</v>
      </c>
    </row>
    <row r="37" spans="1:11" ht="15" customHeight="1">
      <c r="A37" s="17" t="s">
        <v>71</v>
      </c>
      <c r="B37" s="17"/>
      <c r="C37" s="13">
        <v>1576</v>
      </c>
      <c r="D37" s="19">
        <v>822</v>
      </c>
      <c r="E37" s="19">
        <v>754</v>
      </c>
      <c r="F37" s="19"/>
      <c r="G37" s="18" t="s">
        <v>72</v>
      </c>
      <c r="H37" s="17"/>
      <c r="I37" s="13">
        <v>1725</v>
      </c>
      <c r="J37" s="19">
        <v>814</v>
      </c>
      <c r="K37" s="19">
        <v>911</v>
      </c>
    </row>
    <row r="38" spans="1:11" ht="15" customHeight="1">
      <c r="A38" s="17" t="s">
        <v>73</v>
      </c>
      <c r="B38" s="17"/>
      <c r="C38" s="13">
        <v>1652</v>
      </c>
      <c r="D38" s="19">
        <v>847</v>
      </c>
      <c r="E38" s="19">
        <v>805</v>
      </c>
      <c r="F38" s="19"/>
      <c r="G38" s="18" t="s">
        <v>74</v>
      </c>
      <c r="H38" s="17"/>
      <c r="I38" s="13">
        <v>2141</v>
      </c>
      <c r="J38" s="19">
        <v>1003</v>
      </c>
      <c r="K38" s="19">
        <v>1138</v>
      </c>
    </row>
    <row r="39" spans="1:11" ht="15" customHeight="1">
      <c r="A39" s="17" t="s">
        <v>75</v>
      </c>
      <c r="B39" s="17"/>
      <c r="C39" s="13">
        <v>1571</v>
      </c>
      <c r="D39" s="19">
        <v>850</v>
      </c>
      <c r="E39" s="19">
        <v>721</v>
      </c>
      <c r="F39" s="19"/>
      <c r="G39" s="18" t="s">
        <v>76</v>
      </c>
      <c r="H39" s="17"/>
      <c r="I39" s="13">
        <v>2229</v>
      </c>
      <c r="J39" s="19">
        <v>1100</v>
      </c>
      <c r="K39" s="19">
        <v>1129</v>
      </c>
    </row>
    <row r="40" spans="1:11" ht="15" customHeight="1">
      <c r="A40" s="17" t="s">
        <v>77</v>
      </c>
      <c r="B40" s="17"/>
      <c r="C40" s="13">
        <v>1578</v>
      </c>
      <c r="D40" s="19">
        <v>819</v>
      </c>
      <c r="E40" s="19">
        <v>759</v>
      </c>
      <c r="F40" s="19"/>
      <c r="G40" s="18" t="s">
        <v>78</v>
      </c>
      <c r="H40" s="17"/>
      <c r="I40" s="13">
        <v>1949</v>
      </c>
      <c r="J40" s="19">
        <v>950</v>
      </c>
      <c r="K40" s="19">
        <v>999</v>
      </c>
    </row>
    <row r="41" spans="1:11" ht="20.100000000000001" customHeight="1">
      <c r="A41" s="17" t="s">
        <v>79</v>
      </c>
      <c r="B41" s="17"/>
      <c r="C41" s="13">
        <v>7905</v>
      </c>
      <c r="D41" s="14">
        <v>4284</v>
      </c>
      <c r="E41" s="14">
        <v>3621</v>
      </c>
      <c r="F41" s="14"/>
      <c r="G41" s="18" t="s">
        <v>80</v>
      </c>
      <c r="H41" s="17"/>
      <c r="I41" s="13">
        <v>7287</v>
      </c>
      <c r="J41" s="14">
        <v>3440</v>
      </c>
      <c r="K41" s="14">
        <v>3847</v>
      </c>
    </row>
    <row r="42" spans="1:11" ht="15" customHeight="1">
      <c r="A42" s="17" t="s">
        <v>81</v>
      </c>
      <c r="B42" s="17"/>
      <c r="C42" s="13">
        <v>1552</v>
      </c>
      <c r="D42" s="19">
        <v>846</v>
      </c>
      <c r="E42" s="19">
        <v>706</v>
      </c>
      <c r="F42" s="19"/>
      <c r="G42" s="18" t="s">
        <v>82</v>
      </c>
      <c r="H42" s="17"/>
      <c r="I42" s="13">
        <v>1952</v>
      </c>
      <c r="J42" s="19">
        <v>984</v>
      </c>
      <c r="K42" s="19">
        <v>968</v>
      </c>
    </row>
    <row r="43" spans="1:11" ht="15" customHeight="1">
      <c r="A43" s="17" t="s">
        <v>83</v>
      </c>
      <c r="B43" s="17"/>
      <c r="C43" s="13">
        <v>1557</v>
      </c>
      <c r="D43" s="19">
        <v>896</v>
      </c>
      <c r="E43" s="19">
        <v>661</v>
      </c>
      <c r="F43" s="19"/>
      <c r="G43" s="18" t="s">
        <v>84</v>
      </c>
      <c r="H43" s="17"/>
      <c r="I43" s="13">
        <v>1650</v>
      </c>
      <c r="J43" s="19">
        <v>762</v>
      </c>
      <c r="K43" s="19">
        <v>888</v>
      </c>
    </row>
    <row r="44" spans="1:11" ht="15" customHeight="1">
      <c r="A44" s="17" t="s">
        <v>85</v>
      </c>
      <c r="B44" s="17"/>
      <c r="C44" s="13">
        <v>1526</v>
      </c>
      <c r="D44" s="19">
        <v>794</v>
      </c>
      <c r="E44" s="19">
        <v>732</v>
      </c>
      <c r="F44" s="19"/>
      <c r="G44" s="18" t="s">
        <v>86</v>
      </c>
      <c r="H44" s="17"/>
      <c r="I44" s="13">
        <v>1346</v>
      </c>
      <c r="J44" s="19">
        <v>625</v>
      </c>
      <c r="K44" s="19">
        <v>721</v>
      </c>
    </row>
    <row r="45" spans="1:11" ht="15" customHeight="1">
      <c r="A45" s="17" t="s">
        <v>87</v>
      </c>
      <c r="B45" s="17"/>
      <c r="C45" s="13">
        <v>1656</v>
      </c>
      <c r="D45" s="19">
        <v>861</v>
      </c>
      <c r="E45" s="19">
        <v>795</v>
      </c>
      <c r="F45" s="19"/>
      <c r="G45" s="18" t="s">
        <v>88</v>
      </c>
      <c r="H45" s="17"/>
      <c r="I45" s="13">
        <v>1170</v>
      </c>
      <c r="J45" s="19">
        <v>537</v>
      </c>
      <c r="K45" s="19">
        <v>633</v>
      </c>
    </row>
    <row r="46" spans="1:11" ht="15" customHeight="1">
      <c r="A46" s="17" t="s">
        <v>89</v>
      </c>
      <c r="B46" s="17"/>
      <c r="C46" s="13">
        <v>1614</v>
      </c>
      <c r="D46" s="19">
        <v>887</v>
      </c>
      <c r="E46" s="19">
        <v>727</v>
      </c>
      <c r="F46" s="19"/>
      <c r="G46" s="18" t="s">
        <v>90</v>
      </c>
      <c r="H46" s="17"/>
      <c r="I46" s="13">
        <v>1169</v>
      </c>
      <c r="J46" s="19">
        <v>532</v>
      </c>
      <c r="K46" s="19">
        <v>637</v>
      </c>
    </row>
    <row r="47" spans="1:11" ht="20.100000000000001" customHeight="1">
      <c r="A47" s="17" t="s">
        <v>91</v>
      </c>
      <c r="B47" s="17"/>
      <c r="C47" s="13">
        <v>9120</v>
      </c>
      <c r="D47" s="14">
        <v>4823</v>
      </c>
      <c r="E47" s="14">
        <v>4297</v>
      </c>
      <c r="F47" s="14"/>
      <c r="G47" s="18" t="s">
        <v>92</v>
      </c>
      <c r="H47" s="17"/>
      <c r="I47" s="13">
        <v>3930</v>
      </c>
      <c r="J47" s="14">
        <v>1556</v>
      </c>
      <c r="K47" s="14">
        <v>2374</v>
      </c>
    </row>
    <row r="48" spans="1:11" ht="15" customHeight="1">
      <c r="A48" s="17" t="s">
        <v>93</v>
      </c>
      <c r="B48" s="17"/>
      <c r="C48" s="13">
        <v>1742</v>
      </c>
      <c r="D48" s="19">
        <v>922</v>
      </c>
      <c r="E48" s="19">
        <v>820</v>
      </c>
      <c r="F48" s="19"/>
      <c r="G48" s="18" t="s">
        <v>94</v>
      </c>
      <c r="H48" s="17"/>
      <c r="I48" s="13">
        <v>993</v>
      </c>
      <c r="J48" s="19">
        <v>440</v>
      </c>
      <c r="K48" s="19">
        <v>553</v>
      </c>
    </row>
    <row r="49" spans="1:11" ht="15" customHeight="1">
      <c r="A49" s="17" t="s">
        <v>95</v>
      </c>
      <c r="B49" s="17"/>
      <c r="C49" s="13">
        <v>1751</v>
      </c>
      <c r="D49" s="19">
        <v>921</v>
      </c>
      <c r="E49" s="19">
        <v>830</v>
      </c>
      <c r="F49" s="19"/>
      <c r="G49" s="18" t="s">
        <v>96</v>
      </c>
      <c r="H49" s="17"/>
      <c r="I49" s="13">
        <v>924</v>
      </c>
      <c r="J49" s="19">
        <v>384</v>
      </c>
      <c r="K49" s="19">
        <v>540</v>
      </c>
    </row>
    <row r="50" spans="1:11" ht="15" customHeight="1">
      <c r="A50" s="17" t="s">
        <v>97</v>
      </c>
      <c r="B50" s="17"/>
      <c r="C50" s="13">
        <v>1877</v>
      </c>
      <c r="D50" s="19">
        <v>1011</v>
      </c>
      <c r="E50" s="19">
        <v>866</v>
      </c>
      <c r="F50" s="19"/>
      <c r="G50" s="18" t="s">
        <v>98</v>
      </c>
      <c r="H50" s="17"/>
      <c r="I50" s="13">
        <v>748</v>
      </c>
      <c r="J50" s="19">
        <v>303</v>
      </c>
      <c r="K50" s="19">
        <v>445</v>
      </c>
    </row>
    <row r="51" spans="1:11" ht="15" customHeight="1">
      <c r="A51" s="17" t="s">
        <v>99</v>
      </c>
      <c r="B51" s="17"/>
      <c r="C51" s="13">
        <v>1848</v>
      </c>
      <c r="D51" s="19">
        <v>991</v>
      </c>
      <c r="E51" s="19">
        <v>857</v>
      </c>
      <c r="F51" s="19"/>
      <c r="G51" s="18" t="s">
        <v>100</v>
      </c>
      <c r="H51" s="17"/>
      <c r="I51" s="13">
        <v>684</v>
      </c>
      <c r="J51" s="19">
        <v>225</v>
      </c>
      <c r="K51" s="19">
        <v>459</v>
      </c>
    </row>
    <row r="52" spans="1:11" ht="15" customHeight="1">
      <c r="A52" s="17" t="s">
        <v>101</v>
      </c>
      <c r="B52" s="17"/>
      <c r="C52" s="13">
        <v>1902</v>
      </c>
      <c r="D52" s="19">
        <v>978</v>
      </c>
      <c r="E52" s="19">
        <v>924</v>
      </c>
      <c r="F52" s="19"/>
      <c r="G52" s="18" t="s">
        <v>102</v>
      </c>
      <c r="H52" s="17"/>
      <c r="I52" s="13">
        <v>581</v>
      </c>
      <c r="J52" s="19">
        <v>204</v>
      </c>
      <c r="K52" s="19">
        <v>377</v>
      </c>
    </row>
    <row r="53" spans="1:11" ht="20.100000000000001" customHeight="1">
      <c r="A53" s="17" t="s">
        <v>103</v>
      </c>
      <c r="B53" s="17"/>
      <c r="C53" s="13">
        <v>10789</v>
      </c>
      <c r="D53" s="14">
        <v>5539</v>
      </c>
      <c r="E53" s="14">
        <v>5250</v>
      </c>
      <c r="F53" s="14"/>
      <c r="G53" s="18" t="s">
        <v>104</v>
      </c>
      <c r="H53" s="17"/>
      <c r="I53" s="13">
        <v>1879</v>
      </c>
      <c r="J53" s="14">
        <v>537</v>
      </c>
      <c r="K53" s="14">
        <v>1342</v>
      </c>
    </row>
    <row r="54" spans="1:11" ht="15" customHeight="1">
      <c r="A54" s="17" t="s">
        <v>105</v>
      </c>
      <c r="B54" s="17"/>
      <c r="C54" s="13">
        <v>2001</v>
      </c>
      <c r="D54" s="19">
        <v>1056</v>
      </c>
      <c r="E54" s="19">
        <v>945</v>
      </c>
      <c r="F54" s="19"/>
      <c r="G54" s="18" t="s">
        <v>106</v>
      </c>
      <c r="H54" s="17"/>
      <c r="I54" s="13">
        <v>556</v>
      </c>
      <c r="J54" s="19">
        <v>176</v>
      </c>
      <c r="K54" s="19">
        <v>380</v>
      </c>
    </row>
    <row r="55" spans="1:11" ht="15" customHeight="1">
      <c r="A55" s="17" t="s">
        <v>107</v>
      </c>
      <c r="B55" s="17"/>
      <c r="C55" s="13">
        <v>1988</v>
      </c>
      <c r="D55" s="19">
        <v>1041</v>
      </c>
      <c r="E55" s="19">
        <v>947</v>
      </c>
      <c r="F55" s="19"/>
      <c r="G55" s="18" t="s">
        <v>108</v>
      </c>
      <c r="H55" s="17"/>
      <c r="I55" s="13">
        <v>450</v>
      </c>
      <c r="J55" s="19">
        <v>135</v>
      </c>
      <c r="K55" s="19">
        <v>315</v>
      </c>
    </row>
    <row r="56" spans="1:11" ht="15" customHeight="1">
      <c r="A56" s="17" t="s">
        <v>109</v>
      </c>
      <c r="B56" s="17"/>
      <c r="C56" s="13">
        <v>2151</v>
      </c>
      <c r="D56" s="19">
        <v>1058</v>
      </c>
      <c r="E56" s="19">
        <v>1093</v>
      </c>
      <c r="F56" s="19"/>
      <c r="G56" s="18" t="s">
        <v>110</v>
      </c>
      <c r="H56" s="17"/>
      <c r="I56" s="13">
        <v>384</v>
      </c>
      <c r="J56" s="19">
        <v>114</v>
      </c>
      <c r="K56" s="19">
        <v>270</v>
      </c>
    </row>
    <row r="57" spans="1:11" ht="15" customHeight="1">
      <c r="A57" s="17" t="s">
        <v>111</v>
      </c>
      <c r="B57" s="17"/>
      <c r="C57" s="13">
        <v>2334</v>
      </c>
      <c r="D57" s="19">
        <v>1188</v>
      </c>
      <c r="E57" s="19">
        <v>1146</v>
      </c>
      <c r="F57" s="19"/>
      <c r="G57" s="18" t="s">
        <v>112</v>
      </c>
      <c r="H57" s="17"/>
      <c r="I57" s="13">
        <v>269</v>
      </c>
      <c r="J57" s="19">
        <v>66</v>
      </c>
      <c r="K57" s="19">
        <v>203</v>
      </c>
    </row>
    <row r="58" spans="1:11" ht="15" customHeight="1">
      <c r="A58" s="17" t="s">
        <v>113</v>
      </c>
      <c r="B58" s="17"/>
      <c r="C58" s="13">
        <v>2315</v>
      </c>
      <c r="D58" s="19">
        <v>1196</v>
      </c>
      <c r="E58" s="19">
        <v>1119</v>
      </c>
      <c r="F58" s="19"/>
      <c r="G58" s="18" t="s">
        <v>114</v>
      </c>
      <c r="H58" s="17"/>
      <c r="I58" s="13">
        <v>220</v>
      </c>
      <c r="J58" s="19">
        <v>46</v>
      </c>
      <c r="K58" s="19">
        <v>174</v>
      </c>
    </row>
    <row r="59" spans="1:11" ht="20.100000000000001" customHeight="1">
      <c r="A59" s="17" t="s">
        <v>115</v>
      </c>
      <c r="B59" s="17"/>
      <c r="C59" s="13">
        <v>13409</v>
      </c>
      <c r="D59" s="14">
        <v>7077</v>
      </c>
      <c r="E59" s="14">
        <v>6332</v>
      </c>
      <c r="F59" s="14"/>
      <c r="G59" s="18" t="s">
        <v>116</v>
      </c>
      <c r="H59" s="17"/>
      <c r="I59" s="13">
        <v>511</v>
      </c>
      <c r="J59" s="14">
        <v>93</v>
      </c>
      <c r="K59" s="14">
        <v>418</v>
      </c>
    </row>
    <row r="60" spans="1:11" ht="15" customHeight="1">
      <c r="A60" s="17" t="s">
        <v>117</v>
      </c>
      <c r="B60" s="17"/>
      <c r="C60" s="13">
        <v>2414</v>
      </c>
      <c r="D60" s="19">
        <v>1304</v>
      </c>
      <c r="E60" s="19">
        <v>1110</v>
      </c>
      <c r="F60" s="19"/>
      <c r="G60" s="18" t="s">
        <v>118</v>
      </c>
      <c r="H60" s="17"/>
      <c r="I60" s="13">
        <v>174</v>
      </c>
      <c r="J60" s="19">
        <v>41</v>
      </c>
      <c r="K60" s="19">
        <v>133</v>
      </c>
    </row>
    <row r="61" spans="1:11" ht="15" customHeight="1">
      <c r="A61" s="17" t="s">
        <v>119</v>
      </c>
      <c r="B61" s="17"/>
      <c r="C61" s="13">
        <v>2497</v>
      </c>
      <c r="D61" s="19">
        <v>1310</v>
      </c>
      <c r="E61" s="19">
        <v>1187</v>
      </c>
      <c r="F61" s="19"/>
      <c r="G61" s="18" t="s">
        <v>120</v>
      </c>
      <c r="H61" s="17"/>
      <c r="I61" s="13">
        <v>115</v>
      </c>
      <c r="J61" s="19">
        <v>26</v>
      </c>
      <c r="K61" s="19">
        <v>89</v>
      </c>
    </row>
    <row r="62" spans="1:11" ht="15" customHeight="1">
      <c r="A62" s="17" t="s">
        <v>121</v>
      </c>
      <c r="B62" s="17"/>
      <c r="C62" s="13">
        <v>2803</v>
      </c>
      <c r="D62" s="19">
        <v>1479</v>
      </c>
      <c r="E62" s="19">
        <v>1324</v>
      </c>
      <c r="F62" s="19"/>
      <c r="G62" s="18" t="s">
        <v>122</v>
      </c>
      <c r="H62" s="17"/>
      <c r="I62" s="13">
        <v>86</v>
      </c>
      <c r="J62" s="19">
        <v>10</v>
      </c>
      <c r="K62" s="19">
        <v>76</v>
      </c>
    </row>
    <row r="63" spans="1:11" ht="15" customHeight="1">
      <c r="A63" s="17" t="s">
        <v>123</v>
      </c>
      <c r="B63" s="17"/>
      <c r="C63" s="13">
        <v>2929</v>
      </c>
      <c r="D63" s="19">
        <v>1515</v>
      </c>
      <c r="E63" s="19">
        <v>1414</v>
      </c>
      <c r="F63" s="19"/>
      <c r="G63" s="18" t="s">
        <v>124</v>
      </c>
      <c r="H63" s="17"/>
      <c r="I63" s="13">
        <v>78</v>
      </c>
      <c r="J63" s="19">
        <v>11</v>
      </c>
      <c r="K63" s="19">
        <v>67</v>
      </c>
    </row>
    <row r="64" spans="1:11" ht="15" customHeight="1">
      <c r="A64" s="17" t="s">
        <v>125</v>
      </c>
      <c r="B64" s="17"/>
      <c r="C64" s="13">
        <v>2766</v>
      </c>
      <c r="D64" s="19">
        <v>1469</v>
      </c>
      <c r="E64" s="19">
        <v>1297</v>
      </c>
      <c r="F64" s="19"/>
      <c r="G64" s="18" t="s">
        <v>126</v>
      </c>
      <c r="H64" s="17"/>
      <c r="I64" s="13">
        <v>58</v>
      </c>
      <c r="J64" s="19">
        <v>5</v>
      </c>
      <c r="K64" s="19">
        <v>53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93</v>
      </c>
      <c r="J65" s="19">
        <v>12</v>
      </c>
      <c r="K65" s="19">
        <v>81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4262</v>
      </c>
      <c r="J66" s="27">
        <v>2486</v>
      </c>
      <c r="K66" s="27">
        <v>1776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38" t="s">
        <v>162</v>
      </c>
      <c r="B2" s="38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74070</v>
      </c>
      <c r="D4" s="14">
        <v>136978</v>
      </c>
      <c r="E4" s="14">
        <v>13709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245</v>
      </c>
      <c r="D5" s="14">
        <v>4706</v>
      </c>
      <c r="E5" s="14">
        <v>4539</v>
      </c>
      <c r="F5" s="14"/>
      <c r="G5" s="18" t="s">
        <v>8</v>
      </c>
      <c r="H5" s="17"/>
      <c r="I5" s="13">
        <v>22721</v>
      </c>
      <c r="J5" s="14">
        <v>11943</v>
      </c>
      <c r="K5" s="14">
        <v>10778</v>
      </c>
    </row>
    <row r="6" spans="1:11" ht="15" customHeight="1">
      <c r="A6" s="17" t="s">
        <v>9</v>
      </c>
      <c r="B6" s="17"/>
      <c r="C6" s="13">
        <v>1719</v>
      </c>
      <c r="D6" s="19">
        <v>874</v>
      </c>
      <c r="E6" s="19">
        <v>845</v>
      </c>
      <c r="F6" s="19"/>
      <c r="G6" s="18" t="s">
        <v>10</v>
      </c>
      <c r="H6" s="17"/>
      <c r="I6" s="13">
        <v>4785</v>
      </c>
      <c r="J6" s="19">
        <v>2498</v>
      </c>
      <c r="K6" s="19">
        <v>2287</v>
      </c>
    </row>
    <row r="7" spans="1:11" ht="15" customHeight="1">
      <c r="A7" s="17" t="s">
        <v>11</v>
      </c>
      <c r="B7" s="17"/>
      <c r="C7" s="13">
        <v>1810</v>
      </c>
      <c r="D7" s="19">
        <v>910</v>
      </c>
      <c r="E7" s="19">
        <v>900</v>
      </c>
      <c r="F7" s="19"/>
      <c r="G7" s="18" t="s">
        <v>12</v>
      </c>
      <c r="H7" s="17"/>
      <c r="I7" s="13">
        <v>4552</v>
      </c>
      <c r="J7" s="19">
        <v>2377</v>
      </c>
      <c r="K7" s="19">
        <v>2175</v>
      </c>
    </row>
    <row r="8" spans="1:11" ht="15" customHeight="1">
      <c r="A8" s="17" t="s">
        <v>13</v>
      </c>
      <c r="B8" s="17"/>
      <c r="C8" s="13">
        <v>1823</v>
      </c>
      <c r="D8" s="19">
        <v>955</v>
      </c>
      <c r="E8" s="19">
        <v>868</v>
      </c>
      <c r="F8" s="19"/>
      <c r="G8" s="18" t="s">
        <v>14</v>
      </c>
      <c r="H8" s="17"/>
      <c r="I8" s="13">
        <v>4570</v>
      </c>
      <c r="J8" s="19">
        <v>2395</v>
      </c>
      <c r="K8" s="19">
        <v>2175</v>
      </c>
    </row>
    <row r="9" spans="1:11" ht="15" customHeight="1">
      <c r="A9" s="17" t="s">
        <v>15</v>
      </c>
      <c r="B9" s="17"/>
      <c r="C9" s="13">
        <v>1959</v>
      </c>
      <c r="D9" s="19">
        <v>993</v>
      </c>
      <c r="E9" s="19">
        <v>966</v>
      </c>
      <c r="F9" s="19"/>
      <c r="G9" s="18" t="s">
        <v>16</v>
      </c>
      <c r="H9" s="17"/>
      <c r="I9" s="13">
        <v>4299</v>
      </c>
      <c r="J9" s="19">
        <v>2311</v>
      </c>
      <c r="K9" s="19">
        <v>1988</v>
      </c>
    </row>
    <row r="10" spans="1:11" ht="15" customHeight="1">
      <c r="A10" s="17" t="s">
        <v>17</v>
      </c>
      <c r="B10" s="17"/>
      <c r="C10" s="13">
        <v>1934</v>
      </c>
      <c r="D10" s="19">
        <v>974</v>
      </c>
      <c r="E10" s="19">
        <v>960</v>
      </c>
      <c r="F10" s="19"/>
      <c r="G10" s="18" t="s">
        <v>18</v>
      </c>
      <c r="H10" s="17"/>
      <c r="I10" s="13">
        <v>4515</v>
      </c>
      <c r="J10" s="19">
        <v>2362</v>
      </c>
      <c r="K10" s="19">
        <v>2153</v>
      </c>
    </row>
    <row r="11" spans="1:11" ht="20.100000000000001" customHeight="1">
      <c r="A11" s="17" t="s">
        <v>19</v>
      </c>
      <c r="B11" s="17"/>
      <c r="C11" s="13">
        <v>10879</v>
      </c>
      <c r="D11" s="14">
        <v>5688</v>
      </c>
      <c r="E11" s="14">
        <v>5191</v>
      </c>
      <c r="F11" s="14"/>
      <c r="G11" s="18" t="s">
        <v>20</v>
      </c>
      <c r="H11" s="17"/>
      <c r="I11" s="13">
        <v>17805</v>
      </c>
      <c r="J11" s="14">
        <v>9277</v>
      </c>
      <c r="K11" s="14">
        <v>8528</v>
      </c>
    </row>
    <row r="12" spans="1:11" ht="15" customHeight="1">
      <c r="A12" s="17" t="s">
        <v>21</v>
      </c>
      <c r="B12" s="17"/>
      <c r="C12" s="13">
        <v>2009</v>
      </c>
      <c r="D12" s="19">
        <v>1050</v>
      </c>
      <c r="E12" s="19">
        <v>959</v>
      </c>
      <c r="F12" s="19"/>
      <c r="G12" s="18" t="s">
        <v>22</v>
      </c>
      <c r="H12" s="17"/>
      <c r="I12" s="13">
        <v>3257</v>
      </c>
      <c r="J12" s="19">
        <v>1696</v>
      </c>
      <c r="K12" s="19">
        <v>1561</v>
      </c>
    </row>
    <row r="13" spans="1:11" ht="15" customHeight="1">
      <c r="A13" s="17" t="s">
        <v>23</v>
      </c>
      <c r="B13" s="17"/>
      <c r="C13" s="13">
        <v>2137</v>
      </c>
      <c r="D13" s="19">
        <v>1150</v>
      </c>
      <c r="E13" s="19">
        <v>987</v>
      </c>
      <c r="F13" s="19"/>
      <c r="G13" s="18" t="s">
        <v>24</v>
      </c>
      <c r="H13" s="17"/>
      <c r="I13" s="13">
        <v>4069</v>
      </c>
      <c r="J13" s="19">
        <v>2140</v>
      </c>
      <c r="K13" s="19">
        <v>1929</v>
      </c>
    </row>
    <row r="14" spans="1:11" ht="15" customHeight="1">
      <c r="A14" s="17" t="s">
        <v>25</v>
      </c>
      <c r="B14" s="17"/>
      <c r="C14" s="13">
        <v>2207</v>
      </c>
      <c r="D14" s="19">
        <v>1120</v>
      </c>
      <c r="E14" s="19">
        <v>1087</v>
      </c>
      <c r="F14" s="19"/>
      <c r="G14" s="18" t="s">
        <v>26</v>
      </c>
      <c r="H14" s="17"/>
      <c r="I14" s="13">
        <v>3759</v>
      </c>
      <c r="J14" s="19">
        <v>1988</v>
      </c>
      <c r="K14" s="19">
        <v>1771</v>
      </c>
    </row>
    <row r="15" spans="1:11" ht="15" customHeight="1">
      <c r="A15" s="17" t="s">
        <v>27</v>
      </c>
      <c r="B15" s="17"/>
      <c r="C15" s="13">
        <v>2289</v>
      </c>
      <c r="D15" s="19">
        <v>1223</v>
      </c>
      <c r="E15" s="19">
        <v>1066</v>
      </c>
      <c r="F15" s="19"/>
      <c r="G15" s="18" t="s">
        <v>28</v>
      </c>
      <c r="H15" s="17"/>
      <c r="I15" s="13">
        <v>3503</v>
      </c>
      <c r="J15" s="19">
        <v>1821</v>
      </c>
      <c r="K15" s="19">
        <v>1682</v>
      </c>
    </row>
    <row r="16" spans="1:11" ht="15" customHeight="1">
      <c r="A16" s="17" t="s">
        <v>29</v>
      </c>
      <c r="B16" s="17"/>
      <c r="C16" s="13">
        <v>2237</v>
      </c>
      <c r="D16" s="19">
        <v>1145</v>
      </c>
      <c r="E16" s="19">
        <v>1092</v>
      </c>
      <c r="F16" s="19"/>
      <c r="G16" s="18" t="s">
        <v>30</v>
      </c>
      <c r="H16" s="17"/>
      <c r="I16" s="13">
        <v>3217</v>
      </c>
      <c r="J16" s="19">
        <v>1632</v>
      </c>
      <c r="K16" s="19">
        <v>1585</v>
      </c>
    </row>
    <row r="17" spans="1:11" ht="20.100000000000001" customHeight="1">
      <c r="A17" s="20" t="s">
        <v>31</v>
      </c>
      <c r="B17" s="20"/>
      <c r="C17" s="13">
        <v>11603</v>
      </c>
      <c r="D17" s="14">
        <v>5919</v>
      </c>
      <c r="E17" s="14">
        <v>5684</v>
      </c>
      <c r="F17" s="14"/>
      <c r="G17" s="18" t="s">
        <v>32</v>
      </c>
      <c r="H17" s="17"/>
      <c r="I17" s="13">
        <v>14415</v>
      </c>
      <c r="J17" s="14">
        <v>7361</v>
      </c>
      <c r="K17" s="14">
        <v>7054</v>
      </c>
    </row>
    <row r="18" spans="1:11" ht="15" customHeight="1">
      <c r="A18" s="17" t="s">
        <v>33</v>
      </c>
      <c r="B18" s="17"/>
      <c r="C18" s="13">
        <v>2264</v>
      </c>
      <c r="D18" s="19">
        <v>1157</v>
      </c>
      <c r="E18" s="19">
        <v>1107</v>
      </c>
      <c r="F18" s="19">
        <v>1107</v>
      </c>
      <c r="G18" s="18" t="s">
        <v>34</v>
      </c>
      <c r="H18" s="17"/>
      <c r="I18" s="13">
        <v>3078</v>
      </c>
      <c r="J18" s="19">
        <v>1594</v>
      </c>
      <c r="K18" s="19">
        <v>1484</v>
      </c>
    </row>
    <row r="19" spans="1:11" ht="15" customHeight="1">
      <c r="A19" s="17" t="s">
        <v>35</v>
      </c>
      <c r="B19" s="17"/>
      <c r="C19" s="13">
        <v>2281</v>
      </c>
      <c r="D19" s="19">
        <v>1145</v>
      </c>
      <c r="E19" s="19">
        <v>1136</v>
      </c>
      <c r="F19" s="19">
        <v>1136</v>
      </c>
      <c r="G19" s="18" t="s">
        <v>36</v>
      </c>
      <c r="H19" s="17"/>
      <c r="I19" s="13">
        <v>3075</v>
      </c>
      <c r="J19" s="19">
        <v>1556</v>
      </c>
      <c r="K19" s="19">
        <v>1519</v>
      </c>
    </row>
    <row r="20" spans="1:11" ht="15" customHeight="1">
      <c r="A20" s="17" t="s">
        <v>37</v>
      </c>
      <c r="B20" s="17"/>
      <c r="C20" s="13">
        <v>2317</v>
      </c>
      <c r="D20" s="19">
        <v>1184</v>
      </c>
      <c r="E20" s="19">
        <v>1133</v>
      </c>
      <c r="F20" s="19">
        <v>1133</v>
      </c>
      <c r="G20" s="18" t="s">
        <v>38</v>
      </c>
      <c r="H20" s="17"/>
      <c r="I20" s="13">
        <v>2813</v>
      </c>
      <c r="J20" s="19">
        <v>1422</v>
      </c>
      <c r="K20" s="19">
        <v>1391</v>
      </c>
    </row>
    <row r="21" spans="1:11" ht="15" customHeight="1">
      <c r="A21" s="17" t="s">
        <v>39</v>
      </c>
      <c r="B21" s="17"/>
      <c r="C21" s="13">
        <v>2400</v>
      </c>
      <c r="D21" s="19">
        <v>1248</v>
      </c>
      <c r="E21" s="19">
        <v>1152</v>
      </c>
      <c r="F21" s="19">
        <v>1152</v>
      </c>
      <c r="G21" s="18" t="s">
        <v>40</v>
      </c>
      <c r="H21" s="17"/>
      <c r="I21" s="13">
        <v>2795</v>
      </c>
      <c r="J21" s="19">
        <v>1433</v>
      </c>
      <c r="K21" s="19">
        <v>1362</v>
      </c>
    </row>
    <row r="22" spans="1:11" ht="15" customHeight="1">
      <c r="A22" s="17" t="s">
        <v>41</v>
      </c>
      <c r="B22" s="17"/>
      <c r="C22" s="13">
        <v>2341</v>
      </c>
      <c r="D22" s="19">
        <v>1185</v>
      </c>
      <c r="E22" s="19">
        <v>1156</v>
      </c>
      <c r="F22" s="19">
        <v>1156</v>
      </c>
      <c r="G22" s="18" t="s">
        <v>42</v>
      </c>
      <c r="H22" s="17"/>
      <c r="I22" s="13">
        <v>2654</v>
      </c>
      <c r="J22" s="19">
        <v>1356</v>
      </c>
      <c r="K22" s="19">
        <v>1298</v>
      </c>
    </row>
    <row r="23" spans="1:11" ht="20.100000000000001" customHeight="1">
      <c r="A23" s="17" t="s">
        <v>43</v>
      </c>
      <c r="B23" s="17"/>
      <c r="C23" s="13">
        <v>12205</v>
      </c>
      <c r="D23" s="14">
        <v>6209</v>
      </c>
      <c r="E23" s="14">
        <v>5996</v>
      </c>
      <c r="F23" s="14"/>
      <c r="G23" s="18" t="s">
        <v>44</v>
      </c>
      <c r="H23" s="17"/>
      <c r="I23" s="13">
        <v>14476</v>
      </c>
      <c r="J23" s="14">
        <v>7301</v>
      </c>
      <c r="K23" s="14">
        <v>7175</v>
      </c>
    </row>
    <row r="24" spans="1:11" ht="15" customHeight="1">
      <c r="A24" s="17" t="s">
        <v>45</v>
      </c>
      <c r="B24" s="17"/>
      <c r="C24" s="13">
        <v>2418</v>
      </c>
      <c r="D24" s="19">
        <v>1284</v>
      </c>
      <c r="E24" s="19">
        <v>1134</v>
      </c>
      <c r="F24" s="19"/>
      <c r="G24" s="18" t="s">
        <v>46</v>
      </c>
      <c r="H24" s="17"/>
      <c r="I24" s="13">
        <v>2805</v>
      </c>
      <c r="J24" s="19">
        <v>1440</v>
      </c>
      <c r="K24" s="19">
        <v>1365</v>
      </c>
    </row>
    <row r="25" spans="1:11" ht="15" customHeight="1">
      <c r="A25" s="17" t="s">
        <v>47</v>
      </c>
      <c r="B25" s="17"/>
      <c r="C25" s="13">
        <v>2352</v>
      </c>
      <c r="D25" s="19">
        <v>1151</v>
      </c>
      <c r="E25" s="19">
        <v>1201</v>
      </c>
      <c r="F25" s="19"/>
      <c r="G25" s="18" t="s">
        <v>48</v>
      </c>
      <c r="H25" s="17"/>
      <c r="I25" s="13">
        <v>2824</v>
      </c>
      <c r="J25" s="19">
        <v>1494</v>
      </c>
      <c r="K25" s="19">
        <v>1330</v>
      </c>
    </row>
    <row r="26" spans="1:11" ht="15" customHeight="1">
      <c r="A26" s="17" t="s">
        <v>49</v>
      </c>
      <c r="B26" s="17"/>
      <c r="C26" s="13">
        <v>2298</v>
      </c>
      <c r="D26" s="19">
        <v>1173</v>
      </c>
      <c r="E26" s="19">
        <v>1125</v>
      </c>
      <c r="F26" s="19"/>
      <c r="G26" s="18" t="s">
        <v>50</v>
      </c>
      <c r="H26" s="17"/>
      <c r="I26" s="13">
        <v>2761</v>
      </c>
      <c r="J26" s="19">
        <v>1405</v>
      </c>
      <c r="K26" s="19">
        <v>1356</v>
      </c>
    </row>
    <row r="27" spans="1:11" ht="15" customHeight="1">
      <c r="A27" s="17" t="s">
        <v>51</v>
      </c>
      <c r="B27" s="17"/>
      <c r="C27" s="13">
        <v>2448</v>
      </c>
      <c r="D27" s="19">
        <v>1241</v>
      </c>
      <c r="E27" s="19">
        <v>1207</v>
      </c>
      <c r="F27" s="19"/>
      <c r="G27" s="18" t="s">
        <v>52</v>
      </c>
      <c r="H27" s="17"/>
      <c r="I27" s="13">
        <v>2917</v>
      </c>
      <c r="J27" s="19">
        <v>1435</v>
      </c>
      <c r="K27" s="19">
        <v>1482</v>
      </c>
    </row>
    <row r="28" spans="1:11" ht="15" customHeight="1">
      <c r="A28" s="17" t="s">
        <v>53</v>
      </c>
      <c r="B28" s="17"/>
      <c r="C28" s="13">
        <v>2689</v>
      </c>
      <c r="D28" s="19">
        <v>1360</v>
      </c>
      <c r="E28" s="19">
        <v>1329</v>
      </c>
      <c r="F28" s="19"/>
      <c r="G28" s="18" t="s">
        <v>54</v>
      </c>
      <c r="H28" s="17"/>
      <c r="I28" s="13">
        <v>3169</v>
      </c>
      <c r="J28" s="19">
        <v>1527</v>
      </c>
      <c r="K28" s="19">
        <v>1642</v>
      </c>
    </row>
    <row r="29" spans="1:11" ht="20.100000000000001" customHeight="1">
      <c r="A29" s="17" t="s">
        <v>55</v>
      </c>
      <c r="B29" s="17"/>
      <c r="C29" s="13">
        <v>15378</v>
      </c>
      <c r="D29" s="14">
        <v>7810</v>
      </c>
      <c r="E29" s="14">
        <v>7568</v>
      </c>
      <c r="F29" s="14"/>
      <c r="G29" s="18" t="s">
        <v>56</v>
      </c>
      <c r="H29" s="17"/>
      <c r="I29" s="13">
        <v>18316</v>
      </c>
      <c r="J29" s="14">
        <v>8490</v>
      </c>
      <c r="K29" s="14">
        <v>9826</v>
      </c>
    </row>
    <row r="30" spans="1:11" ht="15" customHeight="1">
      <c r="A30" s="17" t="s">
        <v>57</v>
      </c>
      <c r="B30" s="17"/>
      <c r="C30" s="13">
        <v>2991</v>
      </c>
      <c r="D30" s="19">
        <v>1505</v>
      </c>
      <c r="E30" s="19">
        <v>1486</v>
      </c>
      <c r="F30" s="19"/>
      <c r="G30" s="18" t="s">
        <v>58</v>
      </c>
      <c r="H30" s="17"/>
      <c r="I30" s="13">
        <v>3222</v>
      </c>
      <c r="J30" s="19">
        <v>1602</v>
      </c>
      <c r="K30" s="19">
        <v>1620</v>
      </c>
    </row>
    <row r="31" spans="1:11" ht="15" customHeight="1">
      <c r="A31" s="17" t="s">
        <v>59</v>
      </c>
      <c r="B31" s="17"/>
      <c r="C31" s="13">
        <v>3208</v>
      </c>
      <c r="D31" s="19">
        <v>1587</v>
      </c>
      <c r="E31" s="19">
        <v>1621</v>
      </c>
      <c r="F31" s="19"/>
      <c r="G31" s="18" t="s">
        <v>60</v>
      </c>
      <c r="H31" s="17"/>
      <c r="I31" s="13">
        <v>3419</v>
      </c>
      <c r="J31" s="19">
        <v>1578</v>
      </c>
      <c r="K31" s="19">
        <v>1841</v>
      </c>
    </row>
    <row r="32" spans="1:11" ht="15" customHeight="1">
      <c r="A32" s="17" t="s">
        <v>61</v>
      </c>
      <c r="B32" s="17"/>
      <c r="C32" s="13">
        <v>3171</v>
      </c>
      <c r="D32" s="19">
        <v>1625</v>
      </c>
      <c r="E32" s="19">
        <v>1546</v>
      </c>
      <c r="F32" s="19"/>
      <c r="G32" s="18" t="s">
        <v>62</v>
      </c>
      <c r="H32" s="17"/>
      <c r="I32" s="13">
        <v>3882</v>
      </c>
      <c r="J32" s="19">
        <v>1804</v>
      </c>
      <c r="K32" s="19">
        <v>2078</v>
      </c>
    </row>
    <row r="33" spans="1:11" ht="15" customHeight="1">
      <c r="A33" s="17" t="s">
        <v>63</v>
      </c>
      <c r="B33" s="17"/>
      <c r="C33" s="13">
        <v>3085</v>
      </c>
      <c r="D33" s="19">
        <v>1565</v>
      </c>
      <c r="E33" s="19">
        <v>1520</v>
      </c>
      <c r="F33" s="19"/>
      <c r="G33" s="18" t="s">
        <v>64</v>
      </c>
      <c r="H33" s="17"/>
      <c r="I33" s="13">
        <v>3939</v>
      </c>
      <c r="J33" s="19">
        <v>1769</v>
      </c>
      <c r="K33" s="19">
        <v>2170</v>
      </c>
    </row>
    <row r="34" spans="1:11" ht="15" customHeight="1">
      <c r="A34" s="17" t="s">
        <v>65</v>
      </c>
      <c r="B34" s="17"/>
      <c r="C34" s="13">
        <v>2923</v>
      </c>
      <c r="D34" s="19">
        <v>1528</v>
      </c>
      <c r="E34" s="19">
        <v>1395</v>
      </c>
      <c r="F34" s="19"/>
      <c r="G34" s="18" t="s">
        <v>66</v>
      </c>
      <c r="H34" s="17"/>
      <c r="I34" s="13">
        <v>3854</v>
      </c>
      <c r="J34" s="19">
        <v>1737</v>
      </c>
      <c r="K34" s="19">
        <v>2117</v>
      </c>
    </row>
    <row r="35" spans="1:11" ht="20.100000000000001" customHeight="1">
      <c r="A35" s="17" t="s">
        <v>67</v>
      </c>
      <c r="B35" s="17"/>
      <c r="C35" s="13">
        <v>13953</v>
      </c>
      <c r="D35" s="14">
        <v>7153</v>
      </c>
      <c r="E35" s="14">
        <v>6800</v>
      </c>
      <c r="F35" s="14"/>
      <c r="G35" s="18" t="s">
        <v>68</v>
      </c>
      <c r="H35" s="17"/>
      <c r="I35" s="13">
        <v>14276</v>
      </c>
      <c r="J35" s="14">
        <v>6414</v>
      </c>
      <c r="K35" s="14">
        <v>7862</v>
      </c>
    </row>
    <row r="36" spans="1:11" ht="15" customHeight="1">
      <c r="A36" s="17" t="s">
        <v>69</v>
      </c>
      <c r="B36" s="17"/>
      <c r="C36" s="13">
        <v>2928</v>
      </c>
      <c r="D36" s="19">
        <v>1461</v>
      </c>
      <c r="E36" s="19">
        <v>1467</v>
      </c>
      <c r="F36" s="19"/>
      <c r="G36" s="18" t="s">
        <v>70</v>
      </c>
      <c r="H36" s="17"/>
      <c r="I36" s="13">
        <v>2644</v>
      </c>
      <c r="J36" s="19">
        <v>1194</v>
      </c>
      <c r="K36" s="19">
        <v>1450</v>
      </c>
    </row>
    <row r="37" spans="1:11" ht="15" customHeight="1">
      <c r="A37" s="17" t="s">
        <v>71</v>
      </c>
      <c r="B37" s="17"/>
      <c r="C37" s="13">
        <v>2824</v>
      </c>
      <c r="D37" s="19">
        <v>1391</v>
      </c>
      <c r="E37" s="19">
        <v>1433</v>
      </c>
      <c r="F37" s="19"/>
      <c r="G37" s="18" t="s">
        <v>72</v>
      </c>
      <c r="H37" s="17"/>
      <c r="I37" s="13">
        <v>2473</v>
      </c>
      <c r="J37" s="19">
        <v>1107</v>
      </c>
      <c r="K37" s="19">
        <v>1366</v>
      </c>
    </row>
    <row r="38" spans="1:11" ht="15" customHeight="1">
      <c r="A38" s="17" t="s">
        <v>73</v>
      </c>
      <c r="B38" s="17"/>
      <c r="C38" s="13">
        <v>2825</v>
      </c>
      <c r="D38" s="19">
        <v>1474</v>
      </c>
      <c r="E38" s="19">
        <v>1351</v>
      </c>
      <c r="F38" s="19"/>
      <c r="G38" s="18" t="s">
        <v>74</v>
      </c>
      <c r="H38" s="17"/>
      <c r="I38" s="13">
        <v>3050</v>
      </c>
      <c r="J38" s="19">
        <v>1370</v>
      </c>
      <c r="K38" s="19">
        <v>1680</v>
      </c>
    </row>
    <row r="39" spans="1:11" ht="15" customHeight="1">
      <c r="A39" s="17" t="s">
        <v>75</v>
      </c>
      <c r="B39" s="17"/>
      <c r="C39" s="13">
        <v>2587</v>
      </c>
      <c r="D39" s="19">
        <v>1357</v>
      </c>
      <c r="E39" s="19">
        <v>1230</v>
      </c>
      <c r="F39" s="19"/>
      <c r="G39" s="18" t="s">
        <v>76</v>
      </c>
      <c r="H39" s="17"/>
      <c r="I39" s="13">
        <v>3174</v>
      </c>
      <c r="J39" s="19">
        <v>1417</v>
      </c>
      <c r="K39" s="19">
        <v>1757</v>
      </c>
    </row>
    <row r="40" spans="1:11" ht="15" customHeight="1">
      <c r="A40" s="17" t="s">
        <v>77</v>
      </c>
      <c r="B40" s="17"/>
      <c r="C40" s="13">
        <v>2789</v>
      </c>
      <c r="D40" s="19">
        <v>1470</v>
      </c>
      <c r="E40" s="19">
        <v>1319</v>
      </c>
      <c r="F40" s="19"/>
      <c r="G40" s="18" t="s">
        <v>78</v>
      </c>
      <c r="H40" s="17"/>
      <c r="I40" s="13">
        <v>2935</v>
      </c>
      <c r="J40" s="19">
        <v>1326</v>
      </c>
      <c r="K40" s="19">
        <v>1609</v>
      </c>
    </row>
    <row r="41" spans="1:11" ht="20.100000000000001" customHeight="1">
      <c r="A41" s="17" t="s">
        <v>79</v>
      </c>
      <c r="B41" s="17"/>
      <c r="C41" s="13">
        <v>13795</v>
      </c>
      <c r="D41" s="14">
        <v>7140</v>
      </c>
      <c r="E41" s="14">
        <v>6655</v>
      </c>
      <c r="F41" s="14"/>
      <c r="G41" s="18" t="s">
        <v>80</v>
      </c>
      <c r="H41" s="17"/>
      <c r="I41" s="13">
        <v>11265</v>
      </c>
      <c r="J41" s="14">
        <v>5169</v>
      </c>
      <c r="K41" s="14">
        <v>6096</v>
      </c>
    </row>
    <row r="42" spans="1:11" ht="15" customHeight="1">
      <c r="A42" s="17" t="s">
        <v>81</v>
      </c>
      <c r="B42" s="17"/>
      <c r="C42" s="13">
        <v>2700</v>
      </c>
      <c r="D42" s="19">
        <v>1415</v>
      </c>
      <c r="E42" s="19">
        <v>1285</v>
      </c>
      <c r="F42" s="19"/>
      <c r="G42" s="18" t="s">
        <v>82</v>
      </c>
      <c r="H42" s="17"/>
      <c r="I42" s="13">
        <v>2848</v>
      </c>
      <c r="J42" s="19">
        <v>1274</v>
      </c>
      <c r="K42" s="19">
        <v>1574</v>
      </c>
    </row>
    <row r="43" spans="1:11" ht="15" customHeight="1">
      <c r="A43" s="17" t="s">
        <v>83</v>
      </c>
      <c r="B43" s="17"/>
      <c r="C43" s="13">
        <v>2696</v>
      </c>
      <c r="D43" s="19">
        <v>1367</v>
      </c>
      <c r="E43" s="19">
        <v>1329</v>
      </c>
      <c r="F43" s="19"/>
      <c r="G43" s="18" t="s">
        <v>84</v>
      </c>
      <c r="H43" s="17"/>
      <c r="I43" s="13">
        <v>2524</v>
      </c>
      <c r="J43" s="19">
        <v>1157</v>
      </c>
      <c r="K43" s="19">
        <v>1367</v>
      </c>
    </row>
    <row r="44" spans="1:11" ht="15" customHeight="1">
      <c r="A44" s="17" t="s">
        <v>85</v>
      </c>
      <c r="B44" s="17"/>
      <c r="C44" s="13">
        <v>2779</v>
      </c>
      <c r="D44" s="19">
        <v>1430</v>
      </c>
      <c r="E44" s="19">
        <v>1349</v>
      </c>
      <c r="F44" s="19"/>
      <c r="G44" s="18" t="s">
        <v>86</v>
      </c>
      <c r="H44" s="17"/>
      <c r="I44" s="13">
        <v>2081</v>
      </c>
      <c r="J44" s="19">
        <v>964</v>
      </c>
      <c r="K44" s="19">
        <v>1117</v>
      </c>
    </row>
    <row r="45" spans="1:11" ht="15" customHeight="1">
      <c r="A45" s="17" t="s">
        <v>87</v>
      </c>
      <c r="B45" s="17"/>
      <c r="C45" s="13">
        <v>2894</v>
      </c>
      <c r="D45" s="19">
        <v>1498</v>
      </c>
      <c r="E45" s="19">
        <v>1396</v>
      </c>
      <c r="F45" s="19"/>
      <c r="G45" s="18" t="s">
        <v>88</v>
      </c>
      <c r="H45" s="17"/>
      <c r="I45" s="13">
        <v>1929</v>
      </c>
      <c r="J45" s="19">
        <v>897</v>
      </c>
      <c r="K45" s="19">
        <v>1032</v>
      </c>
    </row>
    <row r="46" spans="1:11" ht="15" customHeight="1">
      <c r="A46" s="17" t="s">
        <v>89</v>
      </c>
      <c r="B46" s="17"/>
      <c r="C46" s="13">
        <v>2726</v>
      </c>
      <c r="D46" s="19">
        <v>1430</v>
      </c>
      <c r="E46" s="19">
        <v>1296</v>
      </c>
      <c r="F46" s="19"/>
      <c r="G46" s="18" t="s">
        <v>90</v>
      </c>
      <c r="H46" s="17"/>
      <c r="I46" s="13">
        <v>1883</v>
      </c>
      <c r="J46" s="19">
        <v>877</v>
      </c>
      <c r="K46" s="19">
        <v>1006</v>
      </c>
    </row>
    <row r="47" spans="1:11" ht="20.100000000000001" customHeight="1">
      <c r="A47" s="17" t="s">
        <v>91</v>
      </c>
      <c r="B47" s="17"/>
      <c r="C47" s="13">
        <v>15743</v>
      </c>
      <c r="D47" s="14">
        <v>8146</v>
      </c>
      <c r="E47" s="14">
        <v>7597</v>
      </c>
      <c r="F47" s="14"/>
      <c r="G47" s="18" t="s">
        <v>92</v>
      </c>
      <c r="H47" s="17"/>
      <c r="I47" s="13">
        <v>6133</v>
      </c>
      <c r="J47" s="14">
        <v>2407</v>
      </c>
      <c r="K47" s="14">
        <v>3726</v>
      </c>
    </row>
    <row r="48" spans="1:11" ht="15" customHeight="1">
      <c r="A48" s="17" t="s">
        <v>93</v>
      </c>
      <c r="B48" s="17"/>
      <c r="C48" s="13">
        <v>2975</v>
      </c>
      <c r="D48" s="19">
        <v>1582</v>
      </c>
      <c r="E48" s="19">
        <v>1393</v>
      </c>
      <c r="F48" s="19"/>
      <c r="G48" s="18" t="s">
        <v>94</v>
      </c>
      <c r="H48" s="17"/>
      <c r="I48" s="13">
        <v>1612</v>
      </c>
      <c r="J48" s="19">
        <v>715</v>
      </c>
      <c r="K48" s="19">
        <v>897</v>
      </c>
    </row>
    <row r="49" spans="1:11" ht="15" customHeight="1">
      <c r="A49" s="17" t="s">
        <v>95</v>
      </c>
      <c r="B49" s="17"/>
      <c r="C49" s="13">
        <v>3057</v>
      </c>
      <c r="D49" s="19">
        <v>1566</v>
      </c>
      <c r="E49" s="19">
        <v>1491</v>
      </c>
      <c r="F49" s="19"/>
      <c r="G49" s="18" t="s">
        <v>96</v>
      </c>
      <c r="H49" s="17"/>
      <c r="I49" s="13">
        <v>1465</v>
      </c>
      <c r="J49" s="19">
        <v>596</v>
      </c>
      <c r="K49" s="19">
        <v>869</v>
      </c>
    </row>
    <row r="50" spans="1:11" ht="15" customHeight="1">
      <c r="A50" s="17" t="s">
        <v>97</v>
      </c>
      <c r="B50" s="17"/>
      <c r="C50" s="13">
        <v>3223</v>
      </c>
      <c r="D50" s="19">
        <v>1685</v>
      </c>
      <c r="E50" s="19">
        <v>1538</v>
      </c>
      <c r="F50" s="19"/>
      <c r="G50" s="18" t="s">
        <v>98</v>
      </c>
      <c r="H50" s="17"/>
      <c r="I50" s="13">
        <v>1111</v>
      </c>
      <c r="J50" s="19">
        <v>430</v>
      </c>
      <c r="K50" s="19">
        <v>681</v>
      </c>
    </row>
    <row r="51" spans="1:11" ht="15" customHeight="1">
      <c r="A51" s="17" t="s">
        <v>99</v>
      </c>
      <c r="B51" s="17"/>
      <c r="C51" s="13">
        <v>3307</v>
      </c>
      <c r="D51" s="19">
        <v>1632</v>
      </c>
      <c r="E51" s="19">
        <v>1675</v>
      </c>
      <c r="F51" s="19"/>
      <c r="G51" s="18" t="s">
        <v>100</v>
      </c>
      <c r="H51" s="17"/>
      <c r="I51" s="13">
        <v>1046</v>
      </c>
      <c r="J51" s="19">
        <v>377</v>
      </c>
      <c r="K51" s="19">
        <v>669</v>
      </c>
    </row>
    <row r="52" spans="1:11" ht="15" customHeight="1">
      <c r="A52" s="17" t="s">
        <v>101</v>
      </c>
      <c r="B52" s="17"/>
      <c r="C52" s="13">
        <v>3181</v>
      </c>
      <c r="D52" s="19">
        <v>1681</v>
      </c>
      <c r="E52" s="19">
        <v>1500</v>
      </c>
      <c r="F52" s="19"/>
      <c r="G52" s="18" t="s">
        <v>102</v>
      </c>
      <c r="H52" s="17"/>
      <c r="I52" s="13">
        <v>899</v>
      </c>
      <c r="J52" s="19">
        <v>289</v>
      </c>
      <c r="K52" s="19">
        <v>610</v>
      </c>
    </row>
    <row r="53" spans="1:11" ht="20.100000000000001" customHeight="1">
      <c r="A53" s="17" t="s">
        <v>103</v>
      </c>
      <c r="B53" s="17"/>
      <c r="C53" s="13">
        <v>17864</v>
      </c>
      <c r="D53" s="14">
        <v>9343</v>
      </c>
      <c r="E53" s="14">
        <v>8521</v>
      </c>
      <c r="F53" s="14"/>
      <c r="G53" s="18" t="s">
        <v>104</v>
      </c>
      <c r="H53" s="17"/>
      <c r="I53" s="13">
        <v>2556</v>
      </c>
      <c r="J53" s="14">
        <v>762</v>
      </c>
      <c r="K53" s="14">
        <v>1794</v>
      </c>
    </row>
    <row r="54" spans="1:11" ht="15" customHeight="1">
      <c r="A54" s="17" t="s">
        <v>105</v>
      </c>
      <c r="B54" s="17"/>
      <c r="C54" s="13">
        <v>3329</v>
      </c>
      <c r="D54" s="19">
        <v>1746</v>
      </c>
      <c r="E54" s="19">
        <v>1583</v>
      </c>
      <c r="F54" s="19"/>
      <c r="G54" s="18" t="s">
        <v>106</v>
      </c>
      <c r="H54" s="17"/>
      <c r="I54" s="13">
        <v>706</v>
      </c>
      <c r="J54" s="19">
        <v>225</v>
      </c>
      <c r="K54" s="19">
        <v>481</v>
      </c>
    </row>
    <row r="55" spans="1:11" ht="15" customHeight="1">
      <c r="A55" s="17" t="s">
        <v>107</v>
      </c>
      <c r="B55" s="17"/>
      <c r="C55" s="13">
        <v>3457</v>
      </c>
      <c r="D55" s="19">
        <v>1823</v>
      </c>
      <c r="E55" s="19">
        <v>1634</v>
      </c>
      <c r="F55" s="19"/>
      <c r="G55" s="18" t="s">
        <v>108</v>
      </c>
      <c r="H55" s="17"/>
      <c r="I55" s="13">
        <v>667</v>
      </c>
      <c r="J55" s="19">
        <v>210</v>
      </c>
      <c r="K55" s="19">
        <v>457</v>
      </c>
    </row>
    <row r="56" spans="1:11" ht="15" customHeight="1">
      <c r="A56" s="17" t="s">
        <v>109</v>
      </c>
      <c r="B56" s="17"/>
      <c r="C56" s="13">
        <v>3524</v>
      </c>
      <c r="D56" s="19">
        <v>1837</v>
      </c>
      <c r="E56" s="19">
        <v>1687</v>
      </c>
      <c r="F56" s="19"/>
      <c r="G56" s="18" t="s">
        <v>110</v>
      </c>
      <c r="H56" s="17"/>
      <c r="I56" s="13">
        <v>502</v>
      </c>
      <c r="J56" s="19">
        <v>139</v>
      </c>
      <c r="K56" s="19">
        <v>363</v>
      </c>
    </row>
    <row r="57" spans="1:11" ht="15" customHeight="1">
      <c r="A57" s="17" t="s">
        <v>111</v>
      </c>
      <c r="B57" s="17"/>
      <c r="C57" s="13">
        <v>3678</v>
      </c>
      <c r="D57" s="19">
        <v>1922</v>
      </c>
      <c r="E57" s="19">
        <v>1756</v>
      </c>
      <c r="F57" s="19"/>
      <c r="G57" s="18" t="s">
        <v>112</v>
      </c>
      <c r="H57" s="17"/>
      <c r="I57" s="13">
        <v>421</v>
      </c>
      <c r="J57" s="19">
        <v>125</v>
      </c>
      <c r="K57" s="19">
        <v>296</v>
      </c>
    </row>
    <row r="58" spans="1:11" ht="15" customHeight="1">
      <c r="A58" s="17" t="s">
        <v>113</v>
      </c>
      <c r="B58" s="17"/>
      <c r="C58" s="13">
        <v>3876</v>
      </c>
      <c r="D58" s="19">
        <v>2015</v>
      </c>
      <c r="E58" s="19">
        <v>1861</v>
      </c>
      <c r="F58" s="19"/>
      <c r="G58" s="18" t="s">
        <v>114</v>
      </c>
      <c r="H58" s="17"/>
      <c r="I58" s="13">
        <v>260</v>
      </c>
      <c r="J58" s="19">
        <v>63</v>
      </c>
      <c r="K58" s="19">
        <v>197</v>
      </c>
    </row>
    <row r="59" spans="1:11" ht="20.100000000000001" customHeight="1">
      <c r="A59" s="17" t="s">
        <v>115</v>
      </c>
      <c r="B59" s="17"/>
      <c r="C59" s="13">
        <v>22293</v>
      </c>
      <c r="D59" s="14">
        <v>11713</v>
      </c>
      <c r="E59" s="14">
        <v>10580</v>
      </c>
      <c r="F59" s="14"/>
      <c r="G59" s="18" t="s">
        <v>116</v>
      </c>
      <c r="H59" s="17"/>
      <c r="I59" s="13">
        <v>642</v>
      </c>
      <c r="J59" s="14">
        <v>135</v>
      </c>
      <c r="K59" s="14">
        <v>507</v>
      </c>
    </row>
    <row r="60" spans="1:11" ht="15" customHeight="1">
      <c r="A60" s="17" t="s">
        <v>117</v>
      </c>
      <c r="B60" s="17"/>
      <c r="C60" s="13">
        <v>4028</v>
      </c>
      <c r="D60" s="19">
        <v>2178</v>
      </c>
      <c r="E60" s="19">
        <v>1850</v>
      </c>
      <c r="F60" s="19"/>
      <c r="G60" s="18" t="s">
        <v>118</v>
      </c>
      <c r="H60" s="17"/>
      <c r="I60" s="13">
        <v>207</v>
      </c>
      <c r="J60" s="19">
        <v>49</v>
      </c>
      <c r="K60" s="19">
        <v>158</v>
      </c>
    </row>
    <row r="61" spans="1:11" ht="15" customHeight="1">
      <c r="A61" s="17" t="s">
        <v>119</v>
      </c>
      <c r="B61" s="17"/>
      <c r="C61" s="13">
        <v>4174</v>
      </c>
      <c r="D61" s="19">
        <v>2129</v>
      </c>
      <c r="E61" s="19">
        <v>2045</v>
      </c>
      <c r="F61" s="19"/>
      <c r="G61" s="18" t="s">
        <v>120</v>
      </c>
      <c r="H61" s="17"/>
      <c r="I61" s="13">
        <v>181</v>
      </c>
      <c r="J61" s="19">
        <v>49</v>
      </c>
      <c r="K61" s="19">
        <v>132</v>
      </c>
    </row>
    <row r="62" spans="1:11" ht="15" customHeight="1">
      <c r="A62" s="17" t="s">
        <v>121</v>
      </c>
      <c r="B62" s="17"/>
      <c r="C62" s="13">
        <v>4527</v>
      </c>
      <c r="D62" s="19">
        <v>2406</v>
      </c>
      <c r="E62" s="19">
        <v>2121</v>
      </c>
      <c r="F62" s="19"/>
      <c r="G62" s="18" t="s">
        <v>122</v>
      </c>
      <c r="H62" s="17"/>
      <c r="I62" s="13">
        <v>110</v>
      </c>
      <c r="J62" s="19">
        <v>17</v>
      </c>
      <c r="K62" s="19">
        <v>93</v>
      </c>
    </row>
    <row r="63" spans="1:11" ht="15" customHeight="1">
      <c r="A63" s="17" t="s">
        <v>123</v>
      </c>
      <c r="B63" s="17"/>
      <c r="C63" s="13">
        <v>4745</v>
      </c>
      <c r="D63" s="19">
        <v>2473</v>
      </c>
      <c r="E63" s="19">
        <v>2272</v>
      </c>
      <c r="F63" s="19"/>
      <c r="G63" s="18" t="s">
        <v>124</v>
      </c>
      <c r="H63" s="17"/>
      <c r="I63" s="13">
        <v>86</v>
      </c>
      <c r="J63" s="19">
        <v>9</v>
      </c>
      <c r="K63" s="19">
        <v>77</v>
      </c>
    </row>
    <row r="64" spans="1:11" ht="15" customHeight="1">
      <c r="A64" s="17" t="s">
        <v>125</v>
      </c>
      <c r="B64" s="17"/>
      <c r="C64" s="13">
        <v>4819</v>
      </c>
      <c r="D64" s="19">
        <v>2527</v>
      </c>
      <c r="E64" s="19">
        <v>2292</v>
      </c>
      <c r="F64" s="19"/>
      <c r="G64" s="18" t="s">
        <v>126</v>
      </c>
      <c r="H64" s="17"/>
      <c r="I64" s="13">
        <v>58</v>
      </c>
      <c r="J64" s="19">
        <v>11</v>
      </c>
      <c r="K64" s="19">
        <v>47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01</v>
      </c>
      <c r="J65" s="19">
        <v>16</v>
      </c>
      <c r="K65" s="19">
        <v>85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8406</v>
      </c>
      <c r="J66" s="27">
        <v>3876</v>
      </c>
      <c r="K66" s="27">
        <v>4530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38" t="s">
        <v>163</v>
      </c>
      <c r="B2" s="38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82494</v>
      </c>
      <c r="D4" s="14">
        <v>139788</v>
      </c>
      <c r="E4" s="14">
        <v>142706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533</v>
      </c>
      <c r="D5" s="14">
        <v>4815</v>
      </c>
      <c r="E5" s="14">
        <v>4718</v>
      </c>
      <c r="F5" s="14"/>
      <c r="G5" s="18" t="s">
        <v>8</v>
      </c>
      <c r="H5" s="17"/>
      <c r="I5" s="13">
        <v>23007</v>
      </c>
      <c r="J5" s="14">
        <v>11888</v>
      </c>
      <c r="K5" s="14">
        <v>11119</v>
      </c>
    </row>
    <row r="6" spans="1:11" ht="15" customHeight="1">
      <c r="A6" s="17" t="s">
        <v>9</v>
      </c>
      <c r="B6" s="17"/>
      <c r="C6" s="13">
        <v>1906</v>
      </c>
      <c r="D6" s="19">
        <v>963</v>
      </c>
      <c r="E6" s="19">
        <v>943</v>
      </c>
      <c r="F6" s="19"/>
      <c r="G6" s="18" t="s">
        <v>10</v>
      </c>
      <c r="H6" s="17"/>
      <c r="I6" s="13">
        <v>4662</v>
      </c>
      <c r="J6" s="19">
        <v>2390</v>
      </c>
      <c r="K6" s="19">
        <v>2272</v>
      </c>
    </row>
    <row r="7" spans="1:11" ht="15" customHeight="1">
      <c r="A7" s="17" t="s">
        <v>11</v>
      </c>
      <c r="B7" s="17"/>
      <c r="C7" s="13">
        <v>1849</v>
      </c>
      <c r="D7" s="19">
        <v>942</v>
      </c>
      <c r="E7" s="19">
        <v>907</v>
      </c>
      <c r="F7" s="19"/>
      <c r="G7" s="18" t="s">
        <v>12</v>
      </c>
      <c r="H7" s="17"/>
      <c r="I7" s="13">
        <v>4727</v>
      </c>
      <c r="J7" s="19">
        <v>2422</v>
      </c>
      <c r="K7" s="19">
        <v>2305</v>
      </c>
    </row>
    <row r="8" spans="1:11" ht="15" customHeight="1">
      <c r="A8" s="17" t="s">
        <v>13</v>
      </c>
      <c r="B8" s="17"/>
      <c r="C8" s="13">
        <v>1912</v>
      </c>
      <c r="D8" s="19">
        <v>960</v>
      </c>
      <c r="E8" s="19">
        <v>952</v>
      </c>
      <c r="F8" s="19"/>
      <c r="G8" s="18" t="s">
        <v>14</v>
      </c>
      <c r="H8" s="17"/>
      <c r="I8" s="13">
        <v>4560</v>
      </c>
      <c r="J8" s="19">
        <v>2400</v>
      </c>
      <c r="K8" s="19">
        <v>2160</v>
      </c>
    </row>
    <row r="9" spans="1:11" ht="15" customHeight="1">
      <c r="A9" s="17" t="s">
        <v>15</v>
      </c>
      <c r="B9" s="17"/>
      <c r="C9" s="13">
        <v>1899</v>
      </c>
      <c r="D9" s="19">
        <v>975</v>
      </c>
      <c r="E9" s="19">
        <v>924</v>
      </c>
      <c r="F9" s="19"/>
      <c r="G9" s="18" t="s">
        <v>16</v>
      </c>
      <c r="H9" s="17"/>
      <c r="I9" s="13">
        <v>4481</v>
      </c>
      <c r="J9" s="19">
        <v>2319</v>
      </c>
      <c r="K9" s="19">
        <v>2162</v>
      </c>
    </row>
    <row r="10" spans="1:11" ht="15" customHeight="1">
      <c r="A10" s="17" t="s">
        <v>17</v>
      </c>
      <c r="B10" s="17"/>
      <c r="C10" s="13">
        <v>1967</v>
      </c>
      <c r="D10" s="19">
        <v>975</v>
      </c>
      <c r="E10" s="19">
        <v>992</v>
      </c>
      <c r="F10" s="19"/>
      <c r="G10" s="18" t="s">
        <v>18</v>
      </c>
      <c r="H10" s="17"/>
      <c r="I10" s="13">
        <v>4577</v>
      </c>
      <c r="J10" s="19">
        <v>2357</v>
      </c>
      <c r="K10" s="19">
        <v>2220</v>
      </c>
    </row>
    <row r="11" spans="1:11" ht="20.100000000000001" customHeight="1">
      <c r="A11" s="17" t="s">
        <v>19</v>
      </c>
      <c r="B11" s="17"/>
      <c r="C11" s="13">
        <v>10254</v>
      </c>
      <c r="D11" s="14">
        <v>5303</v>
      </c>
      <c r="E11" s="14">
        <v>4951</v>
      </c>
      <c r="F11" s="14"/>
      <c r="G11" s="18" t="s">
        <v>20</v>
      </c>
      <c r="H11" s="17"/>
      <c r="I11" s="13">
        <v>18240</v>
      </c>
      <c r="J11" s="14">
        <v>9430</v>
      </c>
      <c r="K11" s="14">
        <v>8810</v>
      </c>
    </row>
    <row r="12" spans="1:11" ht="15" customHeight="1">
      <c r="A12" s="17" t="s">
        <v>21</v>
      </c>
      <c r="B12" s="17"/>
      <c r="C12" s="13">
        <v>1992</v>
      </c>
      <c r="D12" s="19">
        <v>1011</v>
      </c>
      <c r="E12" s="19">
        <v>981</v>
      </c>
      <c r="F12" s="19"/>
      <c r="G12" s="18" t="s">
        <v>22</v>
      </c>
      <c r="H12" s="17"/>
      <c r="I12" s="13">
        <v>3357</v>
      </c>
      <c r="J12" s="19">
        <v>1727</v>
      </c>
      <c r="K12" s="19">
        <v>1630</v>
      </c>
    </row>
    <row r="13" spans="1:11" ht="15" customHeight="1">
      <c r="A13" s="17" t="s">
        <v>23</v>
      </c>
      <c r="B13" s="17"/>
      <c r="C13" s="13">
        <v>2040</v>
      </c>
      <c r="D13" s="19">
        <v>1098</v>
      </c>
      <c r="E13" s="19">
        <v>942</v>
      </c>
      <c r="F13" s="19"/>
      <c r="G13" s="18" t="s">
        <v>24</v>
      </c>
      <c r="H13" s="17"/>
      <c r="I13" s="13">
        <v>4242</v>
      </c>
      <c r="J13" s="19">
        <v>2243</v>
      </c>
      <c r="K13" s="19">
        <v>1999</v>
      </c>
    </row>
    <row r="14" spans="1:11" ht="15" customHeight="1">
      <c r="A14" s="17" t="s">
        <v>25</v>
      </c>
      <c r="B14" s="17"/>
      <c r="C14" s="13">
        <v>2101</v>
      </c>
      <c r="D14" s="19">
        <v>1075</v>
      </c>
      <c r="E14" s="19">
        <v>1026</v>
      </c>
      <c r="F14" s="19"/>
      <c r="G14" s="18" t="s">
        <v>26</v>
      </c>
      <c r="H14" s="17"/>
      <c r="I14" s="13">
        <v>3725</v>
      </c>
      <c r="J14" s="19">
        <v>1940</v>
      </c>
      <c r="K14" s="19">
        <v>1785</v>
      </c>
    </row>
    <row r="15" spans="1:11" ht="15" customHeight="1">
      <c r="A15" s="17" t="s">
        <v>27</v>
      </c>
      <c r="B15" s="17"/>
      <c r="C15" s="13">
        <v>2031</v>
      </c>
      <c r="D15" s="19">
        <v>1086</v>
      </c>
      <c r="E15" s="19">
        <v>945</v>
      </c>
      <c r="F15" s="19"/>
      <c r="G15" s="18" t="s">
        <v>28</v>
      </c>
      <c r="H15" s="17"/>
      <c r="I15" s="13">
        <v>3542</v>
      </c>
      <c r="J15" s="19">
        <v>1811</v>
      </c>
      <c r="K15" s="19">
        <v>1731</v>
      </c>
    </row>
    <row r="16" spans="1:11" ht="15" customHeight="1">
      <c r="A16" s="17" t="s">
        <v>29</v>
      </c>
      <c r="B16" s="17"/>
      <c r="C16" s="13">
        <v>2090</v>
      </c>
      <c r="D16" s="19">
        <v>1033</v>
      </c>
      <c r="E16" s="19">
        <v>1057</v>
      </c>
      <c r="F16" s="19"/>
      <c r="G16" s="18" t="s">
        <v>30</v>
      </c>
      <c r="H16" s="17"/>
      <c r="I16" s="13">
        <v>3374</v>
      </c>
      <c r="J16" s="19">
        <v>1709</v>
      </c>
      <c r="K16" s="19">
        <v>1665</v>
      </c>
    </row>
    <row r="17" spans="1:11" ht="20.100000000000001" customHeight="1">
      <c r="A17" s="20" t="s">
        <v>31</v>
      </c>
      <c r="B17" s="20"/>
      <c r="C17" s="13">
        <v>11087</v>
      </c>
      <c r="D17" s="14">
        <v>5704</v>
      </c>
      <c r="E17" s="14">
        <v>5383</v>
      </c>
      <c r="F17" s="14"/>
      <c r="G17" s="18" t="s">
        <v>32</v>
      </c>
      <c r="H17" s="17"/>
      <c r="I17" s="13">
        <v>14842</v>
      </c>
      <c r="J17" s="14">
        <v>7592</v>
      </c>
      <c r="K17" s="14">
        <v>7250</v>
      </c>
    </row>
    <row r="18" spans="1:11" ht="15" customHeight="1">
      <c r="A18" s="17" t="s">
        <v>33</v>
      </c>
      <c r="B18" s="17"/>
      <c r="C18" s="13">
        <v>2137</v>
      </c>
      <c r="D18" s="19">
        <v>1094</v>
      </c>
      <c r="E18" s="19">
        <v>1043</v>
      </c>
      <c r="F18" s="19">
        <v>1043</v>
      </c>
      <c r="G18" s="18" t="s">
        <v>34</v>
      </c>
      <c r="H18" s="17"/>
      <c r="I18" s="13">
        <v>3193</v>
      </c>
      <c r="J18" s="19">
        <v>1668</v>
      </c>
      <c r="K18" s="19">
        <v>1525</v>
      </c>
    </row>
    <row r="19" spans="1:11" ht="15" customHeight="1">
      <c r="A19" s="17" t="s">
        <v>35</v>
      </c>
      <c r="B19" s="17"/>
      <c r="C19" s="13">
        <v>2249</v>
      </c>
      <c r="D19" s="19">
        <v>1139</v>
      </c>
      <c r="E19" s="19">
        <v>1110</v>
      </c>
      <c r="F19" s="19">
        <v>1110</v>
      </c>
      <c r="G19" s="18" t="s">
        <v>36</v>
      </c>
      <c r="H19" s="17"/>
      <c r="I19" s="13">
        <v>3124</v>
      </c>
      <c r="J19" s="19">
        <v>1563</v>
      </c>
      <c r="K19" s="19">
        <v>1561</v>
      </c>
    </row>
    <row r="20" spans="1:11" ht="15" customHeight="1">
      <c r="A20" s="17" t="s">
        <v>37</v>
      </c>
      <c r="B20" s="17"/>
      <c r="C20" s="13">
        <v>2229</v>
      </c>
      <c r="D20" s="19">
        <v>1119</v>
      </c>
      <c r="E20" s="19">
        <v>1110</v>
      </c>
      <c r="F20" s="19">
        <v>1110</v>
      </c>
      <c r="G20" s="18" t="s">
        <v>38</v>
      </c>
      <c r="H20" s="17"/>
      <c r="I20" s="13">
        <v>2972</v>
      </c>
      <c r="J20" s="19">
        <v>1546</v>
      </c>
      <c r="K20" s="19">
        <v>1426</v>
      </c>
    </row>
    <row r="21" spans="1:11" ht="15" customHeight="1">
      <c r="A21" s="17" t="s">
        <v>39</v>
      </c>
      <c r="B21" s="17"/>
      <c r="C21" s="13">
        <v>2202</v>
      </c>
      <c r="D21" s="19">
        <v>1141</v>
      </c>
      <c r="E21" s="19">
        <v>1061</v>
      </c>
      <c r="F21" s="19">
        <v>1061</v>
      </c>
      <c r="G21" s="18" t="s">
        <v>40</v>
      </c>
      <c r="H21" s="17"/>
      <c r="I21" s="13">
        <v>2880</v>
      </c>
      <c r="J21" s="19">
        <v>1477</v>
      </c>
      <c r="K21" s="19">
        <v>1403</v>
      </c>
    </row>
    <row r="22" spans="1:11" ht="15" customHeight="1">
      <c r="A22" s="17" t="s">
        <v>41</v>
      </c>
      <c r="B22" s="17"/>
      <c r="C22" s="13">
        <v>2270</v>
      </c>
      <c r="D22" s="19">
        <v>1211</v>
      </c>
      <c r="E22" s="19">
        <v>1059</v>
      </c>
      <c r="F22" s="19">
        <v>1059</v>
      </c>
      <c r="G22" s="18" t="s">
        <v>42</v>
      </c>
      <c r="H22" s="17"/>
      <c r="I22" s="13">
        <v>2673</v>
      </c>
      <c r="J22" s="19">
        <v>1338</v>
      </c>
      <c r="K22" s="19">
        <v>1335</v>
      </c>
    </row>
    <row r="23" spans="1:11" ht="20.100000000000001" customHeight="1">
      <c r="A23" s="17" t="s">
        <v>43</v>
      </c>
      <c r="B23" s="17"/>
      <c r="C23" s="13">
        <v>11310</v>
      </c>
      <c r="D23" s="14">
        <v>5744</v>
      </c>
      <c r="E23" s="14">
        <v>5566</v>
      </c>
      <c r="F23" s="14"/>
      <c r="G23" s="18" t="s">
        <v>44</v>
      </c>
      <c r="H23" s="17"/>
      <c r="I23" s="13">
        <v>14242</v>
      </c>
      <c r="J23" s="14">
        <v>6955</v>
      </c>
      <c r="K23" s="14">
        <v>7287</v>
      </c>
    </row>
    <row r="24" spans="1:11" ht="15" customHeight="1">
      <c r="A24" s="17" t="s">
        <v>45</v>
      </c>
      <c r="B24" s="17"/>
      <c r="C24" s="13">
        <v>2238</v>
      </c>
      <c r="D24" s="19">
        <v>1135</v>
      </c>
      <c r="E24" s="19">
        <v>1103</v>
      </c>
      <c r="F24" s="19"/>
      <c r="G24" s="18" t="s">
        <v>46</v>
      </c>
      <c r="H24" s="17"/>
      <c r="I24" s="13">
        <v>2695</v>
      </c>
      <c r="J24" s="19">
        <v>1337</v>
      </c>
      <c r="K24" s="19">
        <v>1358</v>
      </c>
    </row>
    <row r="25" spans="1:11" ht="15" customHeight="1">
      <c r="A25" s="17" t="s">
        <v>47</v>
      </c>
      <c r="B25" s="17"/>
      <c r="C25" s="13">
        <v>2115</v>
      </c>
      <c r="D25" s="19">
        <v>1092</v>
      </c>
      <c r="E25" s="19">
        <v>1023</v>
      </c>
      <c r="F25" s="19"/>
      <c r="G25" s="18" t="s">
        <v>48</v>
      </c>
      <c r="H25" s="17"/>
      <c r="I25" s="13">
        <v>2794</v>
      </c>
      <c r="J25" s="19">
        <v>1422</v>
      </c>
      <c r="K25" s="19">
        <v>1372</v>
      </c>
    </row>
    <row r="26" spans="1:11" ht="15" customHeight="1">
      <c r="A26" s="17" t="s">
        <v>49</v>
      </c>
      <c r="B26" s="17"/>
      <c r="C26" s="13">
        <v>2151</v>
      </c>
      <c r="D26" s="19">
        <v>1105</v>
      </c>
      <c r="E26" s="19">
        <v>1046</v>
      </c>
      <c r="F26" s="19"/>
      <c r="G26" s="18" t="s">
        <v>50</v>
      </c>
      <c r="H26" s="17"/>
      <c r="I26" s="13">
        <v>2812</v>
      </c>
      <c r="J26" s="19">
        <v>1310</v>
      </c>
      <c r="K26" s="19">
        <v>1502</v>
      </c>
    </row>
    <row r="27" spans="1:11" ht="15" customHeight="1">
      <c r="A27" s="17" t="s">
        <v>51</v>
      </c>
      <c r="B27" s="17"/>
      <c r="C27" s="13">
        <v>2297</v>
      </c>
      <c r="D27" s="19">
        <v>1187</v>
      </c>
      <c r="E27" s="19">
        <v>1110</v>
      </c>
      <c r="F27" s="19"/>
      <c r="G27" s="18" t="s">
        <v>52</v>
      </c>
      <c r="H27" s="17"/>
      <c r="I27" s="13">
        <v>2839</v>
      </c>
      <c r="J27" s="19">
        <v>1393</v>
      </c>
      <c r="K27" s="19">
        <v>1446</v>
      </c>
    </row>
    <row r="28" spans="1:11" ht="15" customHeight="1">
      <c r="A28" s="17" t="s">
        <v>53</v>
      </c>
      <c r="B28" s="17"/>
      <c r="C28" s="13">
        <v>2509</v>
      </c>
      <c r="D28" s="19">
        <v>1225</v>
      </c>
      <c r="E28" s="19">
        <v>1284</v>
      </c>
      <c r="F28" s="19"/>
      <c r="G28" s="18" t="s">
        <v>54</v>
      </c>
      <c r="H28" s="17"/>
      <c r="I28" s="13">
        <v>3102</v>
      </c>
      <c r="J28" s="19">
        <v>1493</v>
      </c>
      <c r="K28" s="19">
        <v>1609</v>
      </c>
    </row>
    <row r="29" spans="1:11" ht="20.100000000000001" customHeight="1">
      <c r="A29" s="17" t="s">
        <v>55</v>
      </c>
      <c r="B29" s="17"/>
      <c r="C29" s="13">
        <v>16021</v>
      </c>
      <c r="D29" s="14">
        <v>7661</v>
      </c>
      <c r="E29" s="14">
        <v>8360</v>
      </c>
      <c r="F29" s="14"/>
      <c r="G29" s="18" t="s">
        <v>56</v>
      </c>
      <c r="H29" s="17"/>
      <c r="I29" s="13">
        <v>18432</v>
      </c>
      <c r="J29" s="14">
        <v>8579</v>
      </c>
      <c r="K29" s="14">
        <v>9853</v>
      </c>
    </row>
    <row r="30" spans="1:11" ht="15" customHeight="1">
      <c r="A30" s="17" t="s">
        <v>57</v>
      </c>
      <c r="B30" s="17"/>
      <c r="C30" s="13">
        <v>3050</v>
      </c>
      <c r="D30" s="19">
        <v>1474</v>
      </c>
      <c r="E30" s="19">
        <v>1576</v>
      </c>
      <c r="F30" s="19"/>
      <c r="G30" s="18" t="s">
        <v>58</v>
      </c>
      <c r="H30" s="17"/>
      <c r="I30" s="13">
        <v>3324</v>
      </c>
      <c r="J30" s="19">
        <v>1602</v>
      </c>
      <c r="K30" s="19">
        <v>1722</v>
      </c>
    </row>
    <row r="31" spans="1:11" ht="15" customHeight="1">
      <c r="A31" s="17" t="s">
        <v>59</v>
      </c>
      <c r="B31" s="17"/>
      <c r="C31" s="13">
        <v>3073</v>
      </c>
      <c r="D31" s="19">
        <v>1410</v>
      </c>
      <c r="E31" s="19">
        <v>1663</v>
      </c>
      <c r="F31" s="19"/>
      <c r="G31" s="18" t="s">
        <v>60</v>
      </c>
      <c r="H31" s="17"/>
      <c r="I31" s="13">
        <v>3453</v>
      </c>
      <c r="J31" s="19">
        <v>1619</v>
      </c>
      <c r="K31" s="19">
        <v>1834</v>
      </c>
    </row>
    <row r="32" spans="1:11" ht="15" customHeight="1">
      <c r="A32" s="17" t="s">
        <v>61</v>
      </c>
      <c r="B32" s="17"/>
      <c r="C32" s="13">
        <v>3254</v>
      </c>
      <c r="D32" s="19">
        <v>1567</v>
      </c>
      <c r="E32" s="19">
        <v>1687</v>
      </c>
      <c r="F32" s="19"/>
      <c r="G32" s="18" t="s">
        <v>62</v>
      </c>
      <c r="H32" s="17"/>
      <c r="I32" s="13">
        <v>3968</v>
      </c>
      <c r="J32" s="19">
        <v>1873</v>
      </c>
      <c r="K32" s="19">
        <v>2095</v>
      </c>
    </row>
    <row r="33" spans="1:11" ht="15" customHeight="1">
      <c r="A33" s="17" t="s">
        <v>63</v>
      </c>
      <c r="B33" s="17"/>
      <c r="C33" s="13">
        <v>3372</v>
      </c>
      <c r="D33" s="19">
        <v>1582</v>
      </c>
      <c r="E33" s="19">
        <v>1790</v>
      </c>
      <c r="F33" s="19"/>
      <c r="G33" s="18" t="s">
        <v>64</v>
      </c>
      <c r="H33" s="17"/>
      <c r="I33" s="13">
        <v>3888</v>
      </c>
      <c r="J33" s="19">
        <v>1794</v>
      </c>
      <c r="K33" s="19">
        <v>2094</v>
      </c>
    </row>
    <row r="34" spans="1:11" ht="15" customHeight="1">
      <c r="A34" s="17" t="s">
        <v>65</v>
      </c>
      <c r="B34" s="17"/>
      <c r="C34" s="13">
        <v>3272</v>
      </c>
      <c r="D34" s="19">
        <v>1628</v>
      </c>
      <c r="E34" s="19">
        <v>1644</v>
      </c>
      <c r="F34" s="19"/>
      <c r="G34" s="18" t="s">
        <v>66</v>
      </c>
      <c r="H34" s="17"/>
      <c r="I34" s="13">
        <v>3799</v>
      </c>
      <c r="J34" s="19">
        <v>1691</v>
      </c>
      <c r="K34" s="19">
        <v>2108</v>
      </c>
    </row>
    <row r="35" spans="1:11" ht="20.100000000000001" customHeight="1">
      <c r="A35" s="17" t="s">
        <v>67</v>
      </c>
      <c r="B35" s="17"/>
      <c r="C35" s="13">
        <v>15742</v>
      </c>
      <c r="D35" s="14">
        <v>7780</v>
      </c>
      <c r="E35" s="14">
        <v>7962</v>
      </c>
      <c r="F35" s="14"/>
      <c r="G35" s="18" t="s">
        <v>68</v>
      </c>
      <c r="H35" s="17"/>
      <c r="I35" s="13">
        <v>14432</v>
      </c>
      <c r="J35" s="14">
        <v>6269</v>
      </c>
      <c r="K35" s="14">
        <v>8163</v>
      </c>
    </row>
    <row r="36" spans="1:11" ht="15" customHeight="1">
      <c r="A36" s="17" t="s">
        <v>69</v>
      </c>
      <c r="B36" s="17"/>
      <c r="C36" s="13">
        <v>3212</v>
      </c>
      <c r="D36" s="19">
        <v>1556</v>
      </c>
      <c r="E36" s="19">
        <v>1656</v>
      </c>
      <c r="F36" s="19"/>
      <c r="G36" s="18" t="s">
        <v>70</v>
      </c>
      <c r="H36" s="17"/>
      <c r="I36" s="13">
        <v>2640</v>
      </c>
      <c r="J36" s="19">
        <v>1186</v>
      </c>
      <c r="K36" s="19">
        <v>1454</v>
      </c>
    </row>
    <row r="37" spans="1:11" ht="15" customHeight="1">
      <c r="A37" s="17" t="s">
        <v>71</v>
      </c>
      <c r="B37" s="17"/>
      <c r="C37" s="13">
        <v>3139</v>
      </c>
      <c r="D37" s="19">
        <v>1491</v>
      </c>
      <c r="E37" s="19">
        <v>1648</v>
      </c>
      <c r="F37" s="19"/>
      <c r="G37" s="18" t="s">
        <v>72</v>
      </c>
      <c r="H37" s="17"/>
      <c r="I37" s="13">
        <v>2462</v>
      </c>
      <c r="J37" s="19">
        <v>1082</v>
      </c>
      <c r="K37" s="19">
        <v>1380</v>
      </c>
    </row>
    <row r="38" spans="1:11" ht="15" customHeight="1">
      <c r="A38" s="17" t="s">
        <v>73</v>
      </c>
      <c r="B38" s="17"/>
      <c r="C38" s="13">
        <v>3240</v>
      </c>
      <c r="D38" s="19">
        <v>1669</v>
      </c>
      <c r="E38" s="19">
        <v>1571</v>
      </c>
      <c r="F38" s="19"/>
      <c r="G38" s="18" t="s">
        <v>74</v>
      </c>
      <c r="H38" s="17"/>
      <c r="I38" s="13">
        <v>3145</v>
      </c>
      <c r="J38" s="19">
        <v>1342</v>
      </c>
      <c r="K38" s="19">
        <v>1803</v>
      </c>
    </row>
    <row r="39" spans="1:11" ht="15" customHeight="1">
      <c r="A39" s="17" t="s">
        <v>75</v>
      </c>
      <c r="B39" s="17"/>
      <c r="C39" s="13">
        <v>3021</v>
      </c>
      <c r="D39" s="19">
        <v>1470</v>
      </c>
      <c r="E39" s="19">
        <v>1551</v>
      </c>
      <c r="F39" s="19"/>
      <c r="G39" s="18" t="s">
        <v>76</v>
      </c>
      <c r="H39" s="17"/>
      <c r="I39" s="13">
        <v>3103</v>
      </c>
      <c r="J39" s="19">
        <v>1322</v>
      </c>
      <c r="K39" s="19">
        <v>1781</v>
      </c>
    </row>
    <row r="40" spans="1:11" ht="15" customHeight="1">
      <c r="A40" s="17" t="s">
        <v>77</v>
      </c>
      <c r="B40" s="17"/>
      <c r="C40" s="13">
        <v>3130</v>
      </c>
      <c r="D40" s="19">
        <v>1594</v>
      </c>
      <c r="E40" s="19">
        <v>1536</v>
      </c>
      <c r="F40" s="19"/>
      <c r="G40" s="18" t="s">
        <v>78</v>
      </c>
      <c r="H40" s="17"/>
      <c r="I40" s="13">
        <v>3082</v>
      </c>
      <c r="J40" s="19">
        <v>1337</v>
      </c>
      <c r="K40" s="19">
        <v>1745</v>
      </c>
    </row>
    <row r="41" spans="1:11" ht="20.100000000000001" customHeight="1">
      <c r="A41" s="17" t="s">
        <v>79</v>
      </c>
      <c r="B41" s="17"/>
      <c r="C41" s="13">
        <v>14998</v>
      </c>
      <c r="D41" s="14">
        <v>7765</v>
      </c>
      <c r="E41" s="14">
        <v>7233</v>
      </c>
      <c r="F41" s="14"/>
      <c r="G41" s="18" t="s">
        <v>80</v>
      </c>
      <c r="H41" s="17"/>
      <c r="I41" s="13">
        <v>12486</v>
      </c>
      <c r="J41" s="14">
        <v>5466</v>
      </c>
      <c r="K41" s="14">
        <v>7020</v>
      </c>
    </row>
    <row r="42" spans="1:11" ht="15" customHeight="1">
      <c r="A42" s="17" t="s">
        <v>81</v>
      </c>
      <c r="B42" s="17"/>
      <c r="C42" s="13">
        <v>2935</v>
      </c>
      <c r="D42" s="19">
        <v>1462</v>
      </c>
      <c r="E42" s="19">
        <v>1473</v>
      </c>
      <c r="F42" s="19"/>
      <c r="G42" s="18" t="s">
        <v>82</v>
      </c>
      <c r="H42" s="17"/>
      <c r="I42" s="13">
        <v>3061</v>
      </c>
      <c r="J42" s="19">
        <v>1325</v>
      </c>
      <c r="K42" s="19">
        <v>1736</v>
      </c>
    </row>
    <row r="43" spans="1:11" ht="15" customHeight="1">
      <c r="A43" s="17" t="s">
        <v>83</v>
      </c>
      <c r="B43" s="17"/>
      <c r="C43" s="13">
        <v>2978</v>
      </c>
      <c r="D43" s="19">
        <v>1570</v>
      </c>
      <c r="E43" s="19">
        <v>1408</v>
      </c>
      <c r="F43" s="19"/>
      <c r="G43" s="18" t="s">
        <v>84</v>
      </c>
      <c r="H43" s="17"/>
      <c r="I43" s="13">
        <v>2769</v>
      </c>
      <c r="J43" s="19">
        <v>1198</v>
      </c>
      <c r="K43" s="19">
        <v>1571</v>
      </c>
    </row>
    <row r="44" spans="1:11" ht="15" customHeight="1">
      <c r="A44" s="17" t="s">
        <v>85</v>
      </c>
      <c r="B44" s="17"/>
      <c r="C44" s="13">
        <v>3002</v>
      </c>
      <c r="D44" s="19">
        <v>1577</v>
      </c>
      <c r="E44" s="19">
        <v>1425</v>
      </c>
      <c r="F44" s="19"/>
      <c r="G44" s="18" t="s">
        <v>86</v>
      </c>
      <c r="H44" s="17"/>
      <c r="I44" s="13">
        <v>2246</v>
      </c>
      <c r="J44" s="19">
        <v>979</v>
      </c>
      <c r="K44" s="19">
        <v>1267</v>
      </c>
    </row>
    <row r="45" spans="1:11" ht="15" customHeight="1">
      <c r="A45" s="17" t="s">
        <v>87</v>
      </c>
      <c r="B45" s="17"/>
      <c r="C45" s="13">
        <v>3104</v>
      </c>
      <c r="D45" s="19">
        <v>1579</v>
      </c>
      <c r="E45" s="19">
        <v>1525</v>
      </c>
      <c r="F45" s="19"/>
      <c r="G45" s="18" t="s">
        <v>88</v>
      </c>
      <c r="H45" s="17"/>
      <c r="I45" s="13">
        <v>2236</v>
      </c>
      <c r="J45" s="19">
        <v>1022</v>
      </c>
      <c r="K45" s="19">
        <v>1214</v>
      </c>
    </row>
    <row r="46" spans="1:11" ht="15" customHeight="1">
      <c r="A46" s="17" t="s">
        <v>89</v>
      </c>
      <c r="B46" s="17"/>
      <c r="C46" s="13">
        <v>2979</v>
      </c>
      <c r="D46" s="19">
        <v>1577</v>
      </c>
      <c r="E46" s="19">
        <v>1402</v>
      </c>
      <c r="F46" s="19"/>
      <c r="G46" s="18" t="s">
        <v>90</v>
      </c>
      <c r="H46" s="17"/>
      <c r="I46" s="13">
        <v>2174</v>
      </c>
      <c r="J46" s="19">
        <v>942</v>
      </c>
      <c r="K46" s="19">
        <v>1232</v>
      </c>
    </row>
    <row r="47" spans="1:11" ht="20.100000000000001" customHeight="1">
      <c r="A47" s="17" t="s">
        <v>91</v>
      </c>
      <c r="B47" s="17"/>
      <c r="C47" s="13">
        <v>16267</v>
      </c>
      <c r="D47" s="14">
        <v>8439</v>
      </c>
      <c r="E47" s="14">
        <v>7828</v>
      </c>
      <c r="F47" s="14"/>
      <c r="G47" s="18" t="s">
        <v>92</v>
      </c>
      <c r="H47" s="17"/>
      <c r="I47" s="13">
        <v>7641</v>
      </c>
      <c r="J47" s="14">
        <v>3027</v>
      </c>
      <c r="K47" s="14">
        <v>4614</v>
      </c>
    </row>
    <row r="48" spans="1:11" ht="15" customHeight="1">
      <c r="A48" s="17" t="s">
        <v>93</v>
      </c>
      <c r="B48" s="17"/>
      <c r="C48" s="13">
        <v>3015</v>
      </c>
      <c r="D48" s="19">
        <v>1547</v>
      </c>
      <c r="E48" s="19">
        <v>1468</v>
      </c>
      <c r="F48" s="19"/>
      <c r="G48" s="18" t="s">
        <v>94</v>
      </c>
      <c r="H48" s="17"/>
      <c r="I48" s="13">
        <v>1976</v>
      </c>
      <c r="J48" s="19">
        <v>795</v>
      </c>
      <c r="K48" s="19">
        <v>1181</v>
      </c>
    </row>
    <row r="49" spans="1:11" ht="15" customHeight="1">
      <c r="A49" s="17" t="s">
        <v>95</v>
      </c>
      <c r="B49" s="17"/>
      <c r="C49" s="13">
        <v>3151</v>
      </c>
      <c r="D49" s="19">
        <v>1636</v>
      </c>
      <c r="E49" s="19">
        <v>1515</v>
      </c>
      <c r="F49" s="19"/>
      <c r="G49" s="18" t="s">
        <v>96</v>
      </c>
      <c r="H49" s="17"/>
      <c r="I49" s="13">
        <v>1776</v>
      </c>
      <c r="J49" s="19">
        <v>737</v>
      </c>
      <c r="K49" s="19">
        <v>1039</v>
      </c>
    </row>
    <row r="50" spans="1:11" ht="15" customHeight="1">
      <c r="A50" s="17" t="s">
        <v>97</v>
      </c>
      <c r="B50" s="17"/>
      <c r="C50" s="13">
        <v>3226</v>
      </c>
      <c r="D50" s="19">
        <v>1673</v>
      </c>
      <c r="E50" s="19">
        <v>1553</v>
      </c>
      <c r="F50" s="19"/>
      <c r="G50" s="18" t="s">
        <v>98</v>
      </c>
      <c r="H50" s="17"/>
      <c r="I50" s="13">
        <v>1416</v>
      </c>
      <c r="J50" s="19">
        <v>565</v>
      </c>
      <c r="K50" s="19">
        <v>851</v>
      </c>
    </row>
    <row r="51" spans="1:11" ht="15" customHeight="1">
      <c r="A51" s="17" t="s">
        <v>99</v>
      </c>
      <c r="B51" s="17"/>
      <c r="C51" s="13">
        <v>3423</v>
      </c>
      <c r="D51" s="19">
        <v>1798</v>
      </c>
      <c r="E51" s="19">
        <v>1625</v>
      </c>
      <c r="F51" s="19"/>
      <c r="G51" s="18" t="s">
        <v>100</v>
      </c>
      <c r="H51" s="17"/>
      <c r="I51" s="13">
        <v>1314</v>
      </c>
      <c r="J51" s="19">
        <v>489</v>
      </c>
      <c r="K51" s="19">
        <v>825</v>
      </c>
    </row>
    <row r="52" spans="1:11" ht="15" customHeight="1">
      <c r="A52" s="17" t="s">
        <v>101</v>
      </c>
      <c r="B52" s="17"/>
      <c r="C52" s="13">
        <v>3452</v>
      </c>
      <c r="D52" s="19">
        <v>1785</v>
      </c>
      <c r="E52" s="19">
        <v>1667</v>
      </c>
      <c r="F52" s="19"/>
      <c r="G52" s="18" t="s">
        <v>102</v>
      </c>
      <c r="H52" s="17"/>
      <c r="I52" s="13">
        <v>1159</v>
      </c>
      <c r="J52" s="19">
        <v>441</v>
      </c>
      <c r="K52" s="19">
        <v>718</v>
      </c>
    </row>
    <row r="53" spans="1:11" ht="20.100000000000001" customHeight="1">
      <c r="A53" s="17" t="s">
        <v>103</v>
      </c>
      <c r="B53" s="17"/>
      <c r="C53" s="13">
        <v>18541</v>
      </c>
      <c r="D53" s="14">
        <v>9633</v>
      </c>
      <c r="E53" s="14">
        <v>8908</v>
      </c>
      <c r="F53" s="14"/>
      <c r="G53" s="18" t="s">
        <v>104</v>
      </c>
      <c r="H53" s="17"/>
      <c r="I53" s="13">
        <v>3258</v>
      </c>
      <c r="J53" s="14">
        <v>1052</v>
      </c>
      <c r="K53" s="14">
        <v>2206</v>
      </c>
    </row>
    <row r="54" spans="1:11" ht="15" customHeight="1">
      <c r="A54" s="17" t="s">
        <v>105</v>
      </c>
      <c r="B54" s="17"/>
      <c r="C54" s="13">
        <v>3505</v>
      </c>
      <c r="D54" s="19">
        <v>1821</v>
      </c>
      <c r="E54" s="19">
        <v>1684</v>
      </c>
      <c r="F54" s="19"/>
      <c r="G54" s="18" t="s">
        <v>106</v>
      </c>
      <c r="H54" s="17"/>
      <c r="I54" s="13">
        <v>898</v>
      </c>
      <c r="J54" s="19">
        <v>333</v>
      </c>
      <c r="K54" s="19">
        <v>565</v>
      </c>
    </row>
    <row r="55" spans="1:11" ht="15" customHeight="1">
      <c r="A55" s="17" t="s">
        <v>107</v>
      </c>
      <c r="B55" s="17"/>
      <c r="C55" s="13">
        <v>3597</v>
      </c>
      <c r="D55" s="19">
        <v>1861</v>
      </c>
      <c r="E55" s="19">
        <v>1736</v>
      </c>
      <c r="F55" s="19"/>
      <c r="G55" s="18" t="s">
        <v>108</v>
      </c>
      <c r="H55" s="17"/>
      <c r="I55" s="13">
        <v>835</v>
      </c>
      <c r="J55" s="19">
        <v>282</v>
      </c>
      <c r="K55" s="19">
        <v>553</v>
      </c>
    </row>
    <row r="56" spans="1:11" ht="15" customHeight="1">
      <c r="A56" s="17" t="s">
        <v>109</v>
      </c>
      <c r="B56" s="17"/>
      <c r="C56" s="13">
        <v>3656</v>
      </c>
      <c r="D56" s="19">
        <v>1960</v>
      </c>
      <c r="E56" s="19">
        <v>1696</v>
      </c>
      <c r="F56" s="19"/>
      <c r="G56" s="18" t="s">
        <v>110</v>
      </c>
      <c r="H56" s="17"/>
      <c r="I56" s="13">
        <v>619</v>
      </c>
      <c r="J56" s="19">
        <v>195</v>
      </c>
      <c r="K56" s="19">
        <v>424</v>
      </c>
    </row>
    <row r="57" spans="1:11" ht="15" customHeight="1">
      <c r="A57" s="17" t="s">
        <v>111</v>
      </c>
      <c r="B57" s="17"/>
      <c r="C57" s="13">
        <v>3859</v>
      </c>
      <c r="D57" s="19">
        <v>1972</v>
      </c>
      <c r="E57" s="19">
        <v>1887</v>
      </c>
      <c r="F57" s="19"/>
      <c r="G57" s="18" t="s">
        <v>112</v>
      </c>
      <c r="H57" s="17"/>
      <c r="I57" s="13">
        <v>538</v>
      </c>
      <c r="J57" s="19">
        <v>150</v>
      </c>
      <c r="K57" s="19">
        <v>388</v>
      </c>
    </row>
    <row r="58" spans="1:11" ht="15" customHeight="1">
      <c r="A58" s="17" t="s">
        <v>113</v>
      </c>
      <c r="B58" s="17"/>
      <c r="C58" s="13">
        <v>3924</v>
      </c>
      <c r="D58" s="19">
        <v>2019</v>
      </c>
      <c r="E58" s="19">
        <v>1905</v>
      </c>
      <c r="F58" s="19"/>
      <c r="G58" s="18" t="s">
        <v>114</v>
      </c>
      <c r="H58" s="17"/>
      <c r="I58" s="13">
        <v>368</v>
      </c>
      <c r="J58" s="19">
        <v>92</v>
      </c>
      <c r="K58" s="19">
        <v>276</v>
      </c>
    </row>
    <row r="59" spans="1:11" ht="20.100000000000001" customHeight="1">
      <c r="A59" s="17" t="s">
        <v>115</v>
      </c>
      <c r="B59" s="17"/>
      <c r="C59" s="13">
        <v>21992</v>
      </c>
      <c r="D59" s="14">
        <v>11304</v>
      </c>
      <c r="E59" s="14">
        <v>10688</v>
      </c>
      <c r="F59" s="14"/>
      <c r="G59" s="18" t="s">
        <v>116</v>
      </c>
      <c r="H59" s="17"/>
      <c r="I59" s="13">
        <v>840</v>
      </c>
      <c r="J59" s="14">
        <v>179</v>
      </c>
      <c r="K59" s="14">
        <v>661</v>
      </c>
    </row>
    <row r="60" spans="1:11" ht="15" customHeight="1">
      <c r="A60" s="17" t="s">
        <v>117</v>
      </c>
      <c r="B60" s="17"/>
      <c r="C60" s="13">
        <v>4021</v>
      </c>
      <c r="D60" s="19">
        <v>2124</v>
      </c>
      <c r="E60" s="19">
        <v>1897</v>
      </c>
      <c r="F60" s="19"/>
      <c r="G60" s="18" t="s">
        <v>118</v>
      </c>
      <c r="H60" s="17"/>
      <c r="I60" s="13">
        <v>264</v>
      </c>
      <c r="J60" s="19">
        <v>56</v>
      </c>
      <c r="K60" s="19">
        <v>208</v>
      </c>
    </row>
    <row r="61" spans="1:11" ht="15" customHeight="1">
      <c r="A61" s="17" t="s">
        <v>119</v>
      </c>
      <c r="B61" s="17"/>
      <c r="C61" s="13">
        <v>4108</v>
      </c>
      <c r="D61" s="19">
        <v>2108</v>
      </c>
      <c r="E61" s="19">
        <v>2000</v>
      </c>
      <c r="F61" s="19"/>
      <c r="G61" s="18" t="s">
        <v>120</v>
      </c>
      <c r="H61" s="17"/>
      <c r="I61" s="13">
        <v>212</v>
      </c>
      <c r="J61" s="19">
        <v>50</v>
      </c>
      <c r="K61" s="19">
        <v>162</v>
      </c>
    </row>
    <row r="62" spans="1:11" ht="15" customHeight="1">
      <c r="A62" s="17" t="s">
        <v>121</v>
      </c>
      <c r="B62" s="17"/>
      <c r="C62" s="13">
        <v>4423</v>
      </c>
      <c r="D62" s="19">
        <v>2296</v>
      </c>
      <c r="E62" s="19">
        <v>2127</v>
      </c>
      <c r="F62" s="19"/>
      <c r="G62" s="18" t="s">
        <v>122</v>
      </c>
      <c r="H62" s="17"/>
      <c r="I62" s="13">
        <v>161</v>
      </c>
      <c r="J62" s="19">
        <v>34</v>
      </c>
      <c r="K62" s="19">
        <v>127</v>
      </c>
    </row>
    <row r="63" spans="1:11" ht="15" customHeight="1">
      <c r="A63" s="17" t="s">
        <v>123</v>
      </c>
      <c r="B63" s="17"/>
      <c r="C63" s="13">
        <v>4774</v>
      </c>
      <c r="D63" s="19">
        <v>2454</v>
      </c>
      <c r="E63" s="19">
        <v>2320</v>
      </c>
      <c r="F63" s="19"/>
      <c r="G63" s="18" t="s">
        <v>124</v>
      </c>
      <c r="H63" s="17"/>
      <c r="I63" s="13">
        <v>125</v>
      </c>
      <c r="J63" s="19">
        <v>29</v>
      </c>
      <c r="K63" s="19">
        <v>96</v>
      </c>
    </row>
    <row r="64" spans="1:11" ht="15" customHeight="1">
      <c r="A64" s="17" t="s">
        <v>125</v>
      </c>
      <c r="B64" s="17"/>
      <c r="C64" s="13">
        <v>4666</v>
      </c>
      <c r="D64" s="19">
        <v>2322</v>
      </c>
      <c r="E64" s="19">
        <v>2344</v>
      </c>
      <c r="F64" s="19"/>
      <c r="G64" s="18" t="s">
        <v>126</v>
      </c>
      <c r="H64" s="17"/>
      <c r="I64" s="13">
        <v>78</v>
      </c>
      <c r="J64" s="19">
        <v>10</v>
      </c>
      <c r="K64" s="19">
        <v>68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32</v>
      </c>
      <c r="J65" s="19">
        <v>18</v>
      </c>
      <c r="K65" s="19">
        <v>114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9197</v>
      </c>
      <c r="J66" s="27">
        <v>5185</v>
      </c>
      <c r="K66" s="27">
        <v>4012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38" t="s">
        <v>135</v>
      </c>
      <c r="B2" s="38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47444</v>
      </c>
      <c r="D4" s="14">
        <v>126161</v>
      </c>
      <c r="E4" s="14">
        <v>12128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591</v>
      </c>
      <c r="D5" s="14">
        <v>4425</v>
      </c>
      <c r="E5" s="14">
        <v>4166</v>
      </c>
      <c r="F5" s="14"/>
      <c r="G5" s="18" t="s">
        <v>8</v>
      </c>
      <c r="H5" s="17"/>
      <c r="I5" s="13">
        <v>19878</v>
      </c>
      <c r="J5" s="14">
        <v>10482</v>
      </c>
      <c r="K5" s="14">
        <v>9396</v>
      </c>
    </row>
    <row r="6" spans="1:11" ht="15" customHeight="1">
      <c r="A6" s="17" t="s">
        <v>9</v>
      </c>
      <c r="B6" s="17"/>
      <c r="C6" s="13">
        <v>1721</v>
      </c>
      <c r="D6" s="19">
        <v>920</v>
      </c>
      <c r="E6" s="19">
        <v>801</v>
      </c>
      <c r="F6" s="19"/>
      <c r="G6" s="18" t="s">
        <v>10</v>
      </c>
      <c r="H6" s="17"/>
      <c r="I6" s="13">
        <v>4003</v>
      </c>
      <c r="J6" s="19">
        <v>2046</v>
      </c>
      <c r="K6" s="19">
        <v>1957</v>
      </c>
    </row>
    <row r="7" spans="1:11" ht="15" customHeight="1">
      <c r="A7" s="17" t="s">
        <v>11</v>
      </c>
      <c r="B7" s="17"/>
      <c r="C7" s="13">
        <v>1688</v>
      </c>
      <c r="D7" s="19">
        <v>898</v>
      </c>
      <c r="E7" s="19">
        <v>790</v>
      </c>
      <c r="F7" s="19"/>
      <c r="G7" s="18" t="s">
        <v>12</v>
      </c>
      <c r="H7" s="17"/>
      <c r="I7" s="13">
        <v>4080</v>
      </c>
      <c r="J7" s="19">
        <v>2134</v>
      </c>
      <c r="K7" s="19">
        <v>1946</v>
      </c>
    </row>
    <row r="8" spans="1:11" ht="15" customHeight="1">
      <c r="A8" s="17" t="s">
        <v>13</v>
      </c>
      <c r="B8" s="17"/>
      <c r="C8" s="13">
        <v>1653</v>
      </c>
      <c r="D8" s="19">
        <v>840</v>
      </c>
      <c r="E8" s="19">
        <v>813</v>
      </c>
      <c r="F8" s="19"/>
      <c r="G8" s="18" t="s">
        <v>14</v>
      </c>
      <c r="H8" s="17"/>
      <c r="I8" s="13">
        <v>3934</v>
      </c>
      <c r="J8" s="19">
        <v>2096</v>
      </c>
      <c r="K8" s="19">
        <v>1838</v>
      </c>
    </row>
    <row r="9" spans="1:11" ht="15" customHeight="1">
      <c r="A9" s="17" t="s">
        <v>15</v>
      </c>
      <c r="B9" s="17"/>
      <c r="C9" s="13">
        <v>1746</v>
      </c>
      <c r="D9" s="19">
        <v>876</v>
      </c>
      <c r="E9" s="19">
        <v>870</v>
      </c>
      <c r="F9" s="19"/>
      <c r="G9" s="18" t="s">
        <v>16</v>
      </c>
      <c r="H9" s="17"/>
      <c r="I9" s="13">
        <v>3876</v>
      </c>
      <c r="J9" s="19">
        <v>2050</v>
      </c>
      <c r="K9" s="19">
        <v>1826</v>
      </c>
    </row>
    <row r="10" spans="1:11" ht="15" customHeight="1">
      <c r="A10" s="17" t="s">
        <v>17</v>
      </c>
      <c r="B10" s="17"/>
      <c r="C10" s="13">
        <v>1783</v>
      </c>
      <c r="D10" s="19">
        <v>891</v>
      </c>
      <c r="E10" s="19">
        <v>892</v>
      </c>
      <c r="F10" s="19"/>
      <c r="G10" s="18" t="s">
        <v>18</v>
      </c>
      <c r="H10" s="17"/>
      <c r="I10" s="13">
        <v>3985</v>
      </c>
      <c r="J10" s="19">
        <v>2156</v>
      </c>
      <c r="K10" s="19">
        <v>1829</v>
      </c>
    </row>
    <row r="11" spans="1:11" ht="20.100000000000001" customHeight="1">
      <c r="A11" s="17" t="s">
        <v>19</v>
      </c>
      <c r="B11" s="17"/>
      <c r="C11" s="13">
        <v>9007</v>
      </c>
      <c r="D11" s="14">
        <v>4614</v>
      </c>
      <c r="E11" s="14">
        <v>4393</v>
      </c>
      <c r="F11" s="14"/>
      <c r="G11" s="18" t="s">
        <v>20</v>
      </c>
      <c r="H11" s="17"/>
      <c r="I11" s="13">
        <v>15491</v>
      </c>
      <c r="J11" s="14">
        <v>8276</v>
      </c>
      <c r="K11" s="14">
        <v>7215</v>
      </c>
    </row>
    <row r="12" spans="1:11" ht="15" customHeight="1">
      <c r="A12" s="17" t="s">
        <v>21</v>
      </c>
      <c r="B12" s="17"/>
      <c r="C12" s="13">
        <v>1772</v>
      </c>
      <c r="D12" s="19">
        <v>916</v>
      </c>
      <c r="E12" s="19">
        <v>856</v>
      </c>
      <c r="F12" s="19"/>
      <c r="G12" s="18" t="s">
        <v>22</v>
      </c>
      <c r="H12" s="17"/>
      <c r="I12" s="13">
        <v>2831</v>
      </c>
      <c r="J12" s="19">
        <v>1494</v>
      </c>
      <c r="K12" s="19">
        <v>1337</v>
      </c>
    </row>
    <row r="13" spans="1:11" ht="15" customHeight="1">
      <c r="A13" s="17" t="s">
        <v>23</v>
      </c>
      <c r="B13" s="17"/>
      <c r="C13" s="13">
        <v>1816</v>
      </c>
      <c r="D13" s="19">
        <v>904</v>
      </c>
      <c r="E13" s="19">
        <v>912</v>
      </c>
      <c r="F13" s="19"/>
      <c r="G13" s="18" t="s">
        <v>24</v>
      </c>
      <c r="H13" s="17"/>
      <c r="I13" s="13">
        <v>3573</v>
      </c>
      <c r="J13" s="19">
        <v>1878</v>
      </c>
      <c r="K13" s="19">
        <v>1695</v>
      </c>
    </row>
    <row r="14" spans="1:11" ht="15" customHeight="1">
      <c r="A14" s="17" t="s">
        <v>25</v>
      </c>
      <c r="B14" s="17"/>
      <c r="C14" s="13">
        <v>1849</v>
      </c>
      <c r="D14" s="19">
        <v>952</v>
      </c>
      <c r="E14" s="19">
        <v>897</v>
      </c>
      <c r="F14" s="19"/>
      <c r="G14" s="18" t="s">
        <v>26</v>
      </c>
      <c r="H14" s="17"/>
      <c r="I14" s="13">
        <v>3302</v>
      </c>
      <c r="J14" s="19">
        <v>1782</v>
      </c>
      <c r="K14" s="19">
        <v>1520</v>
      </c>
    </row>
    <row r="15" spans="1:11" ht="15" customHeight="1">
      <c r="A15" s="17" t="s">
        <v>27</v>
      </c>
      <c r="B15" s="17"/>
      <c r="C15" s="13">
        <v>1758</v>
      </c>
      <c r="D15" s="19">
        <v>914</v>
      </c>
      <c r="E15" s="19">
        <v>844</v>
      </c>
      <c r="F15" s="19"/>
      <c r="G15" s="18" t="s">
        <v>28</v>
      </c>
      <c r="H15" s="17"/>
      <c r="I15" s="13">
        <v>3025</v>
      </c>
      <c r="J15" s="19">
        <v>1646</v>
      </c>
      <c r="K15" s="19">
        <v>1379</v>
      </c>
    </row>
    <row r="16" spans="1:11" ht="15" customHeight="1">
      <c r="A16" s="17" t="s">
        <v>29</v>
      </c>
      <c r="B16" s="17"/>
      <c r="C16" s="13">
        <v>1812</v>
      </c>
      <c r="D16" s="19">
        <v>928</v>
      </c>
      <c r="E16" s="19">
        <v>884</v>
      </c>
      <c r="F16" s="19"/>
      <c r="G16" s="18" t="s">
        <v>30</v>
      </c>
      <c r="H16" s="17"/>
      <c r="I16" s="13">
        <v>2760</v>
      </c>
      <c r="J16" s="19">
        <v>1476</v>
      </c>
      <c r="K16" s="19">
        <v>1284</v>
      </c>
    </row>
    <row r="17" spans="1:11" ht="20.100000000000001" customHeight="1">
      <c r="A17" s="20" t="s">
        <v>31</v>
      </c>
      <c r="B17" s="20"/>
      <c r="C17" s="13">
        <v>8974</v>
      </c>
      <c r="D17" s="14">
        <v>4559</v>
      </c>
      <c r="E17" s="14">
        <v>4415</v>
      </c>
      <c r="F17" s="14"/>
      <c r="G17" s="18" t="s">
        <v>32</v>
      </c>
      <c r="H17" s="17"/>
      <c r="I17" s="13">
        <v>12361</v>
      </c>
      <c r="J17" s="14">
        <v>6430</v>
      </c>
      <c r="K17" s="14">
        <v>5931</v>
      </c>
    </row>
    <row r="18" spans="1:11" ht="15" customHeight="1">
      <c r="A18" s="17" t="s">
        <v>33</v>
      </c>
      <c r="B18" s="17"/>
      <c r="C18" s="13">
        <v>1763</v>
      </c>
      <c r="D18" s="19">
        <v>864</v>
      </c>
      <c r="E18" s="19">
        <v>899</v>
      </c>
      <c r="F18" s="19"/>
      <c r="G18" s="18" t="s">
        <v>34</v>
      </c>
      <c r="H18" s="17"/>
      <c r="I18" s="13">
        <v>2714</v>
      </c>
      <c r="J18" s="19">
        <v>1445</v>
      </c>
      <c r="K18" s="19">
        <v>1269</v>
      </c>
    </row>
    <row r="19" spans="1:11" ht="15" customHeight="1">
      <c r="A19" s="17" t="s">
        <v>35</v>
      </c>
      <c r="B19" s="17"/>
      <c r="C19" s="13">
        <v>1831</v>
      </c>
      <c r="D19" s="19">
        <v>941</v>
      </c>
      <c r="E19" s="19">
        <v>890</v>
      </c>
      <c r="F19" s="19"/>
      <c r="G19" s="18" t="s">
        <v>36</v>
      </c>
      <c r="H19" s="17"/>
      <c r="I19" s="13">
        <v>2560</v>
      </c>
      <c r="J19" s="19">
        <v>1320</v>
      </c>
      <c r="K19" s="19">
        <v>1240</v>
      </c>
    </row>
    <row r="20" spans="1:11" ht="15" customHeight="1">
      <c r="A20" s="17" t="s">
        <v>37</v>
      </c>
      <c r="B20" s="17"/>
      <c r="C20" s="13">
        <v>1754</v>
      </c>
      <c r="D20" s="19">
        <v>884</v>
      </c>
      <c r="E20" s="19">
        <v>870</v>
      </c>
      <c r="F20" s="19"/>
      <c r="G20" s="18" t="s">
        <v>38</v>
      </c>
      <c r="H20" s="17"/>
      <c r="I20" s="13">
        <v>2443</v>
      </c>
      <c r="J20" s="19">
        <v>1253</v>
      </c>
      <c r="K20" s="19">
        <v>1190</v>
      </c>
    </row>
    <row r="21" spans="1:11" ht="15" customHeight="1">
      <c r="A21" s="17" t="s">
        <v>39</v>
      </c>
      <c r="B21" s="17"/>
      <c r="C21" s="13">
        <v>1811</v>
      </c>
      <c r="D21" s="19">
        <v>933</v>
      </c>
      <c r="E21" s="19">
        <v>878</v>
      </c>
      <c r="F21" s="19"/>
      <c r="G21" s="18" t="s">
        <v>40</v>
      </c>
      <c r="H21" s="17"/>
      <c r="I21" s="13">
        <v>2408</v>
      </c>
      <c r="J21" s="19">
        <v>1271</v>
      </c>
      <c r="K21" s="19">
        <v>1137</v>
      </c>
    </row>
    <row r="22" spans="1:11" ht="15" customHeight="1">
      <c r="A22" s="17" t="s">
        <v>41</v>
      </c>
      <c r="B22" s="17"/>
      <c r="C22" s="13">
        <v>1815</v>
      </c>
      <c r="D22" s="19">
        <v>937</v>
      </c>
      <c r="E22" s="19">
        <v>878</v>
      </c>
      <c r="F22" s="19"/>
      <c r="G22" s="18" t="s">
        <v>42</v>
      </c>
      <c r="H22" s="17"/>
      <c r="I22" s="13">
        <v>2236</v>
      </c>
      <c r="J22" s="19">
        <v>1141</v>
      </c>
      <c r="K22" s="19">
        <v>1095</v>
      </c>
    </row>
    <row r="23" spans="1:11" ht="19.5" customHeight="1">
      <c r="A23" s="17" t="s">
        <v>43</v>
      </c>
      <c r="B23" s="17"/>
      <c r="C23" s="13">
        <v>9124</v>
      </c>
      <c r="D23" s="14">
        <v>4726</v>
      </c>
      <c r="E23" s="14">
        <v>4398</v>
      </c>
      <c r="F23" s="14"/>
      <c r="G23" s="18" t="s">
        <v>44</v>
      </c>
      <c r="H23" s="17"/>
      <c r="I23" s="13">
        <v>11510</v>
      </c>
      <c r="J23" s="14">
        <v>5833</v>
      </c>
      <c r="K23" s="14">
        <v>5677</v>
      </c>
    </row>
    <row r="24" spans="1:11" ht="15" customHeight="1">
      <c r="A24" s="17" t="s">
        <v>45</v>
      </c>
      <c r="B24" s="17"/>
      <c r="C24" s="13">
        <v>1771</v>
      </c>
      <c r="D24" s="19">
        <v>924</v>
      </c>
      <c r="E24" s="19">
        <v>847</v>
      </c>
      <c r="F24" s="19"/>
      <c r="G24" s="18" t="s">
        <v>46</v>
      </c>
      <c r="H24" s="17"/>
      <c r="I24" s="13">
        <v>2306</v>
      </c>
      <c r="J24" s="19">
        <v>1159</v>
      </c>
      <c r="K24" s="19">
        <v>1147</v>
      </c>
    </row>
    <row r="25" spans="1:11" ht="15" customHeight="1">
      <c r="A25" s="17" t="s">
        <v>47</v>
      </c>
      <c r="B25" s="17"/>
      <c r="C25" s="13">
        <v>1651</v>
      </c>
      <c r="D25" s="19">
        <v>856</v>
      </c>
      <c r="E25" s="19">
        <v>795</v>
      </c>
      <c r="F25" s="19"/>
      <c r="G25" s="18" t="s">
        <v>48</v>
      </c>
      <c r="H25" s="17"/>
      <c r="I25" s="13">
        <v>2176</v>
      </c>
      <c r="J25" s="19">
        <v>1092</v>
      </c>
      <c r="K25" s="19">
        <v>1084</v>
      </c>
    </row>
    <row r="26" spans="1:11" ht="15" customHeight="1">
      <c r="A26" s="17" t="s">
        <v>49</v>
      </c>
      <c r="B26" s="17"/>
      <c r="C26" s="13">
        <v>1794</v>
      </c>
      <c r="D26" s="19">
        <v>918</v>
      </c>
      <c r="E26" s="19">
        <v>876</v>
      </c>
      <c r="F26" s="19"/>
      <c r="G26" s="18" t="s">
        <v>50</v>
      </c>
      <c r="H26" s="17"/>
      <c r="I26" s="13">
        <v>2227</v>
      </c>
      <c r="J26" s="19">
        <v>1148</v>
      </c>
      <c r="K26" s="19">
        <v>1079</v>
      </c>
    </row>
    <row r="27" spans="1:11" ht="15" customHeight="1">
      <c r="A27" s="17" t="s">
        <v>51</v>
      </c>
      <c r="B27" s="17"/>
      <c r="C27" s="13">
        <v>1784</v>
      </c>
      <c r="D27" s="19">
        <v>944</v>
      </c>
      <c r="E27" s="19">
        <v>840</v>
      </c>
      <c r="F27" s="19"/>
      <c r="G27" s="18" t="s">
        <v>52</v>
      </c>
      <c r="H27" s="17"/>
      <c r="I27" s="13">
        <v>2302</v>
      </c>
      <c r="J27" s="19">
        <v>1169</v>
      </c>
      <c r="K27" s="19">
        <v>1133</v>
      </c>
    </row>
    <row r="28" spans="1:11" ht="15" customHeight="1">
      <c r="A28" s="17" t="s">
        <v>53</v>
      </c>
      <c r="B28" s="17"/>
      <c r="C28" s="13">
        <v>2124</v>
      </c>
      <c r="D28" s="19">
        <v>1084</v>
      </c>
      <c r="E28" s="19">
        <v>1040</v>
      </c>
      <c r="F28" s="19"/>
      <c r="G28" s="18" t="s">
        <v>54</v>
      </c>
      <c r="H28" s="17"/>
      <c r="I28" s="13">
        <v>2499</v>
      </c>
      <c r="J28" s="19">
        <v>1265</v>
      </c>
      <c r="K28" s="19">
        <v>1234</v>
      </c>
    </row>
    <row r="29" spans="1:11" ht="20.100000000000001" customHeight="1">
      <c r="A29" s="17" t="s">
        <v>55</v>
      </c>
      <c r="B29" s="17"/>
      <c r="C29" s="13">
        <v>15438</v>
      </c>
      <c r="D29" s="14">
        <v>8174</v>
      </c>
      <c r="E29" s="14">
        <v>7264</v>
      </c>
      <c r="F29" s="14"/>
      <c r="G29" s="18" t="s">
        <v>56</v>
      </c>
      <c r="H29" s="17"/>
      <c r="I29" s="13">
        <v>14128</v>
      </c>
      <c r="J29" s="14">
        <v>6793</v>
      </c>
      <c r="K29" s="14">
        <v>7335</v>
      </c>
    </row>
    <row r="30" spans="1:11" ht="15" customHeight="1">
      <c r="A30" s="17" t="s">
        <v>57</v>
      </c>
      <c r="B30" s="17"/>
      <c r="C30" s="13">
        <v>2542</v>
      </c>
      <c r="D30" s="19">
        <v>1351</v>
      </c>
      <c r="E30" s="19">
        <v>1191</v>
      </c>
      <c r="F30" s="19"/>
      <c r="G30" s="18" t="s">
        <v>58</v>
      </c>
      <c r="H30" s="17"/>
      <c r="I30" s="13">
        <v>2466</v>
      </c>
      <c r="J30" s="19">
        <v>1214</v>
      </c>
      <c r="K30" s="19">
        <v>1252</v>
      </c>
    </row>
    <row r="31" spans="1:11" ht="15" customHeight="1">
      <c r="A31" s="17" t="s">
        <v>59</v>
      </c>
      <c r="B31" s="17"/>
      <c r="C31" s="13">
        <v>2845</v>
      </c>
      <c r="D31" s="19">
        <v>1514</v>
      </c>
      <c r="E31" s="19">
        <v>1331</v>
      </c>
      <c r="F31" s="19"/>
      <c r="G31" s="18" t="s">
        <v>60</v>
      </c>
      <c r="H31" s="17"/>
      <c r="I31" s="13">
        <v>2697</v>
      </c>
      <c r="J31" s="19">
        <v>1301</v>
      </c>
      <c r="K31" s="19">
        <v>1396</v>
      </c>
    </row>
    <row r="32" spans="1:11" ht="15" customHeight="1">
      <c r="A32" s="17" t="s">
        <v>61</v>
      </c>
      <c r="B32" s="17"/>
      <c r="C32" s="13">
        <v>3014</v>
      </c>
      <c r="D32" s="19">
        <v>1590</v>
      </c>
      <c r="E32" s="19">
        <v>1424</v>
      </c>
      <c r="F32" s="19"/>
      <c r="G32" s="18" t="s">
        <v>62</v>
      </c>
      <c r="H32" s="17"/>
      <c r="I32" s="13">
        <v>3103</v>
      </c>
      <c r="J32" s="19">
        <v>1492</v>
      </c>
      <c r="K32" s="19">
        <v>1611</v>
      </c>
    </row>
    <row r="33" spans="1:11" ht="15" customHeight="1">
      <c r="A33" s="17" t="s">
        <v>63</v>
      </c>
      <c r="B33" s="17"/>
      <c r="C33" s="13">
        <v>3643</v>
      </c>
      <c r="D33" s="19">
        <v>1935</v>
      </c>
      <c r="E33" s="19">
        <v>1708</v>
      </c>
      <c r="F33" s="19"/>
      <c r="G33" s="18" t="s">
        <v>64</v>
      </c>
      <c r="H33" s="17"/>
      <c r="I33" s="13">
        <v>2959</v>
      </c>
      <c r="J33" s="19">
        <v>1406</v>
      </c>
      <c r="K33" s="19">
        <v>1553</v>
      </c>
    </row>
    <row r="34" spans="1:11" ht="15" customHeight="1">
      <c r="A34" s="17" t="s">
        <v>65</v>
      </c>
      <c r="B34" s="17"/>
      <c r="C34" s="13">
        <v>3394</v>
      </c>
      <c r="D34" s="19">
        <v>1784</v>
      </c>
      <c r="E34" s="19">
        <v>1610</v>
      </c>
      <c r="F34" s="19"/>
      <c r="G34" s="18" t="s">
        <v>66</v>
      </c>
      <c r="H34" s="17"/>
      <c r="I34" s="13">
        <v>2903</v>
      </c>
      <c r="J34" s="19">
        <v>1380</v>
      </c>
      <c r="K34" s="19">
        <v>1523</v>
      </c>
    </row>
    <row r="35" spans="1:11" ht="20.100000000000001" customHeight="1">
      <c r="A35" s="17" t="s">
        <v>67</v>
      </c>
      <c r="B35" s="17"/>
      <c r="C35" s="13">
        <v>17261</v>
      </c>
      <c r="D35" s="14">
        <v>9272</v>
      </c>
      <c r="E35" s="14">
        <v>7989</v>
      </c>
      <c r="F35" s="14"/>
      <c r="G35" s="18" t="s">
        <v>68</v>
      </c>
      <c r="H35" s="17"/>
      <c r="I35" s="13">
        <v>9805</v>
      </c>
      <c r="J35" s="14">
        <v>4375</v>
      </c>
      <c r="K35" s="14">
        <v>5430</v>
      </c>
    </row>
    <row r="36" spans="1:11" ht="15" customHeight="1">
      <c r="A36" s="17" t="s">
        <v>69</v>
      </c>
      <c r="B36" s="17"/>
      <c r="C36" s="13">
        <v>3666</v>
      </c>
      <c r="D36" s="19">
        <v>1978</v>
      </c>
      <c r="E36" s="19">
        <v>1688</v>
      </c>
      <c r="F36" s="19"/>
      <c r="G36" s="18" t="s">
        <v>70</v>
      </c>
      <c r="H36" s="17"/>
      <c r="I36" s="13">
        <v>1850</v>
      </c>
      <c r="J36" s="19">
        <v>871</v>
      </c>
      <c r="K36" s="19">
        <v>979</v>
      </c>
    </row>
    <row r="37" spans="1:11" ht="15" customHeight="1">
      <c r="A37" s="17" t="s">
        <v>71</v>
      </c>
      <c r="B37" s="17"/>
      <c r="C37" s="13">
        <v>3550</v>
      </c>
      <c r="D37" s="19">
        <v>1958</v>
      </c>
      <c r="E37" s="19">
        <v>1592</v>
      </c>
      <c r="F37" s="19"/>
      <c r="G37" s="18" t="s">
        <v>72</v>
      </c>
      <c r="H37" s="17"/>
      <c r="I37" s="13">
        <v>1769</v>
      </c>
      <c r="J37" s="19">
        <v>822</v>
      </c>
      <c r="K37" s="19">
        <v>947</v>
      </c>
    </row>
    <row r="38" spans="1:11" ht="15" customHeight="1">
      <c r="A38" s="17" t="s">
        <v>73</v>
      </c>
      <c r="B38" s="17"/>
      <c r="C38" s="13">
        <v>3514</v>
      </c>
      <c r="D38" s="19">
        <v>1841</v>
      </c>
      <c r="E38" s="19">
        <v>1673</v>
      </c>
      <c r="F38" s="19"/>
      <c r="G38" s="18" t="s">
        <v>74</v>
      </c>
      <c r="H38" s="17"/>
      <c r="I38" s="13">
        <v>2040</v>
      </c>
      <c r="J38" s="19">
        <v>896</v>
      </c>
      <c r="K38" s="19">
        <v>1144</v>
      </c>
    </row>
    <row r="39" spans="1:11" ht="15" customHeight="1">
      <c r="A39" s="17" t="s">
        <v>75</v>
      </c>
      <c r="B39" s="17"/>
      <c r="C39" s="13">
        <v>3242</v>
      </c>
      <c r="D39" s="19">
        <v>1735</v>
      </c>
      <c r="E39" s="19">
        <v>1507</v>
      </c>
      <c r="F39" s="19"/>
      <c r="G39" s="18" t="s">
        <v>76</v>
      </c>
      <c r="H39" s="17"/>
      <c r="I39" s="13">
        <v>2124</v>
      </c>
      <c r="J39" s="19">
        <v>901</v>
      </c>
      <c r="K39" s="19">
        <v>1223</v>
      </c>
    </row>
    <row r="40" spans="1:11" ht="15" customHeight="1">
      <c r="A40" s="17" t="s">
        <v>77</v>
      </c>
      <c r="B40" s="17"/>
      <c r="C40" s="13">
        <v>3289</v>
      </c>
      <c r="D40" s="19">
        <v>1760</v>
      </c>
      <c r="E40" s="19">
        <v>1529</v>
      </c>
      <c r="F40" s="19"/>
      <c r="G40" s="18" t="s">
        <v>78</v>
      </c>
      <c r="H40" s="17"/>
      <c r="I40" s="13">
        <v>2022</v>
      </c>
      <c r="J40" s="19">
        <v>885</v>
      </c>
      <c r="K40" s="19">
        <v>1137</v>
      </c>
    </row>
    <row r="41" spans="1:11" ht="20.100000000000001" customHeight="1">
      <c r="A41" s="17" t="s">
        <v>79</v>
      </c>
      <c r="B41" s="17"/>
      <c r="C41" s="13">
        <v>15735</v>
      </c>
      <c r="D41" s="14">
        <v>8228</v>
      </c>
      <c r="E41" s="14">
        <v>7507</v>
      </c>
      <c r="F41" s="14"/>
      <c r="G41" s="18" t="s">
        <v>80</v>
      </c>
      <c r="H41" s="17"/>
      <c r="I41" s="13">
        <v>8103</v>
      </c>
      <c r="J41" s="14">
        <v>3339</v>
      </c>
      <c r="K41" s="14">
        <v>4764</v>
      </c>
    </row>
    <row r="42" spans="1:11" ht="15" customHeight="1">
      <c r="A42" s="17" t="s">
        <v>81</v>
      </c>
      <c r="B42" s="17"/>
      <c r="C42" s="13">
        <v>3157</v>
      </c>
      <c r="D42" s="19">
        <v>1650</v>
      </c>
      <c r="E42" s="19">
        <v>1507</v>
      </c>
      <c r="F42" s="19"/>
      <c r="G42" s="18" t="s">
        <v>82</v>
      </c>
      <c r="H42" s="17"/>
      <c r="I42" s="13">
        <v>1926</v>
      </c>
      <c r="J42" s="19">
        <v>819</v>
      </c>
      <c r="K42" s="19">
        <v>1107</v>
      </c>
    </row>
    <row r="43" spans="1:11" ht="15" customHeight="1">
      <c r="A43" s="17" t="s">
        <v>83</v>
      </c>
      <c r="B43" s="17"/>
      <c r="C43" s="13">
        <v>3178</v>
      </c>
      <c r="D43" s="19">
        <v>1644</v>
      </c>
      <c r="E43" s="19">
        <v>1534</v>
      </c>
      <c r="F43" s="19"/>
      <c r="G43" s="18" t="s">
        <v>84</v>
      </c>
      <c r="H43" s="17"/>
      <c r="I43" s="13">
        <v>1794</v>
      </c>
      <c r="J43" s="19">
        <v>730</v>
      </c>
      <c r="K43" s="19">
        <v>1064</v>
      </c>
    </row>
    <row r="44" spans="1:11" ht="15" customHeight="1">
      <c r="A44" s="17" t="s">
        <v>85</v>
      </c>
      <c r="B44" s="17"/>
      <c r="C44" s="13">
        <v>3067</v>
      </c>
      <c r="D44" s="19">
        <v>1614</v>
      </c>
      <c r="E44" s="19">
        <v>1453</v>
      </c>
      <c r="F44" s="19"/>
      <c r="G44" s="18" t="s">
        <v>86</v>
      </c>
      <c r="H44" s="17"/>
      <c r="I44" s="13">
        <v>1526</v>
      </c>
      <c r="J44" s="19">
        <v>598</v>
      </c>
      <c r="K44" s="19">
        <v>928</v>
      </c>
    </row>
    <row r="45" spans="1:11" ht="15" customHeight="1">
      <c r="A45" s="17" t="s">
        <v>87</v>
      </c>
      <c r="B45" s="17"/>
      <c r="C45" s="13">
        <v>3132</v>
      </c>
      <c r="D45" s="19">
        <v>1646</v>
      </c>
      <c r="E45" s="19">
        <v>1486</v>
      </c>
      <c r="F45" s="19"/>
      <c r="G45" s="18" t="s">
        <v>88</v>
      </c>
      <c r="H45" s="17"/>
      <c r="I45" s="13">
        <v>1368</v>
      </c>
      <c r="J45" s="19">
        <v>606</v>
      </c>
      <c r="K45" s="19">
        <v>762</v>
      </c>
    </row>
    <row r="46" spans="1:11" ht="15" customHeight="1">
      <c r="A46" s="17" t="s">
        <v>89</v>
      </c>
      <c r="B46" s="17"/>
      <c r="C46" s="13">
        <v>3201</v>
      </c>
      <c r="D46" s="19">
        <v>1674</v>
      </c>
      <c r="E46" s="19">
        <v>1527</v>
      </c>
      <c r="F46" s="19"/>
      <c r="G46" s="18" t="s">
        <v>90</v>
      </c>
      <c r="H46" s="17"/>
      <c r="I46" s="13">
        <v>1489</v>
      </c>
      <c r="J46" s="19">
        <v>586</v>
      </c>
      <c r="K46" s="19">
        <v>903</v>
      </c>
    </row>
    <row r="47" spans="1:11" ht="20.100000000000001" customHeight="1">
      <c r="A47" s="17" t="s">
        <v>91</v>
      </c>
      <c r="B47" s="17"/>
      <c r="C47" s="13">
        <v>16502</v>
      </c>
      <c r="D47" s="14">
        <v>8569</v>
      </c>
      <c r="E47" s="14">
        <v>7933</v>
      </c>
      <c r="F47" s="14"/>
      <c r="G47" s="18" t="s">
        <v>92</v>
      </c>
      <c r="H47" s="17"/>
      <c r="I47" s="13">
        <v>5535</v>
      </c>
      <c r="J47" s="14">
        <v>1854</v>
      </c>
      <c r="K47" s="14">
        <v>3681</v>
      </c>
    </row>
    <row r="48" spans="1:11" ht="15" customHeight="1">
      <c r="A48" s="17" t="s">
        <v>93</v>
      </c>
      <c r="B48" s="17"/>
      <c r="C48" s="13">
        <v>3213</v>
      </c>
      <c r="D48" s="39">
        <v>1631</v>
      </c>
      <c r="E48" s="39">
        <v>1582</v>
      </c>
      <c r="F48" s="19"/>
      <c r="G48" s="18" t="s">
        <v>94</v>
      </c>
      <c r="H48" s="17"/>
      <c r="I48" s="13">
        <v>1324</v>
      </c>
      <c r="J48" s="19">
        <v>486</v>
      </c>
      <c r="K48" s="19">
        <v>838</v>
      </c>
    </row>
    <row r="49" spans="1:11" ht="15" customHeight="1">
      <c r="A49" s="17" t="s">
        <v>95</v>
      </c>
      <c r="B49" s="17"/>
      <c r="C49" s="13">
        <v>3377</v>
      </c>
      <c r="D49" s="39">
        <v>1752</v>
      </c>
      <c r="E49" s="39">
        <v>1625</v>
      </c>
      <c r="F49" s="19"/>
      <c r="G49" s="18" t="s">
        <v>96</v>
      </c>
      <c r="H49" s="17"/>
      <c r="I49" s="13">
        <v>1275</v>
      </c>
      <c r="J49" s="19">
        <v>420</v>
      </c>
      <c r="K49" s="19">
        <v>855</v>
      </c>
    </row>
    <row r="50" spans="1:11" ht="15" customHeight="1">
      <c r="A50" s="17" t="s">
        <v>97</v>
      </c>
      <c r="B50" s="17"/>
      <c r="C50" s="13">
        <v>3366</v>
      </c>
      <c r="D50" s="39">
        <v>1763</v>
      </c>
      <c r="E50" s="39">
        <v>1603</v>
      </c>
      <c r="F50" s="19"/>
      <c r="G50" s="18" t="s">
        <v>98</v>
      </c>
      <c r="H50" s="17"/>
      <c r="I50" s="13">
        <v>1063</v>
      </c>
      <c r="J50" s="19">
        <v>348</v>
      </c>
      <c r="K50" s="19">
        <v>715</v>
      </c>
    </row>
    <row r="51" spans="1:11" ht="15" customHeight="1">
      <c r="A51" s="17" t="s">
        <v>99</v>
      </c>
      <c r="B51" s="17"/>
      <c r="C51" s="13">
        <v>3309</v>
      </c>
      <c r="D51" s="39">
        <v>1726</v>
      </c>
      <c r="E51" s="39">
        <v>1583</v>
      </c>
      <c r="F51" s="19"/>
      <c r="G51" s="18" t="s">
        <v>100</v>
      </c>
      <c r="H51" s="17"/>
      <c r="I51" s="13">
        <v>991</v>
      </c>
      <c r="J51" s="19">
        <v>319</v>
      </c>
      <c r="K51" s="19">
        <v>672</v>
      </c>
    </row>
    <row r="52" spans="1:11" ht="15" customHeight="1">
      <c r="A52" s="17" t="s">
        <v>101</v>
      </c>
      <c r="B52" s="17"/>
      <c r="C52" s="13">
        <v>3237</v>
      </c>
      <c r="D52" s="39">
        <v>1697</v>
      </c>
      <c r="E52" s="39">
        <v>1540</v>
      </c>
      <c r="F52" s="19"/>
      <c r="G52" s="18" t="s">
        <v>102</v>
      </c>
      <c r="H52" s="17"/>
      <c r="I52" s="13">
        <v>882</v>
      </c>
      <c r="J52" s="19">
        <v>281</v>
      </c>
      <c r="K52" s="19">
        <v>601</v>
      </c>
    </row>
    <row r="53" spans="1:11" ht="20.100000000000001" customHeight="1">
      <c r="A53" s="17" t="s">
        <v>103</v>
      </c>
      <c r="B53" s="17"/>
      <c r="C53" s="13">
        <v>17042</v>
      </c>
      <c r="D53" s="14">
        <v>8818</v>
      </c>
      <c r="E53" s="14">
        <v>8224</v>
      </c>
      <c r="F53" s="14"/>
      <c r="G53" s="18" t="s">
        <v>104</v>
      </c>
      <c r="H53" s="17"/>
      <c r="I53" s="13">
        <v>2674</v>
      </c>
      <c r="J53" s="14">
        <v>777</v>
      </c>
      <c r="K53" s="14">
        <v>1897</v>
      </c>
    </row>
    <row r="54" spans="1:11" ht="15" customHeight="1">
      <c r="A54" s="17" t="s">
        <v>105</v>
      </c>
      <c r="B54" s="17"/>
      <c r="C54" s="13">
        <v>3211</v>
      </c>
      <c r="D54" s="19">
        <v>1679</v>
      </c>
      <c r="E54" s="19">
        <v>1532</v>
      </c>
      <c r="F54" s="19"/>
      <c r="G54" s="18" t="s">
        <v>106</v>
      </c>
      <c r="H54" s="17"/>
      <c r="I54" s="13">
        <v>755</v>
      </c>
      <c r="J54" s="19">
        <v>222</v>
      </c>
      <c r="K54" s="19">
        <v>533</v>
      </c>
    </row>
    <row r="55" spans="1:11" ht="15" customHeight="1">
      <c r="A55" s="17" t="s">
        <v>107</v>
      </c>
      <c r="B55" s="17"/>
      <c r="C55" s="13">
        <v>3279</v>
      </c>
      <c r="D55" s="19">
        <v>1671</v>
      </c>
      <c r="E55" s="19">
        <v>1608</v>
      </c>
      <c r="F55" s="19"/>
      <c r="G55" s="18" t="s">
        <v>108</v>
      </c>
      <c r="H55" s="17"/>
      <c r="I55" s="13">
        <v>622</v>
      </c>
      <c r="J55" s="19">
        <v>197</v>
      </c>
      <c r="K55" s="19">
        <v>425</v>
      </c>
    </row>
    <row r="56" spans="1:11" ht="15" customHeight="1">
      <c r="A56" s="17" t="s">
        <v>109</v>
      </c>
      <c r="B56" s="17"/>
      <c r="C56" s="13">
        <v>3385</v>
      </c>
      <c r="D56" s="19">
        <v>1751</v>
      </c>
      <c r="E56" s="19">
        <v>1634</v>
      </c>
      <c r="F56" s="19"/>
      <c r="G56" s="18" t="s">
        <v>110</v>
      </c>
      <c r="H56" s="17"/>
      <c r="I56" s="13">
        <v>530</v>
      </c>
      <c r="J56" s="19">
        <v>149</v>
      </c>
      <c r="K56" s="19">
        <v>381</v>
      </c>
    </row>
    <row r="57" spans="1:11" ht="15" customHeight="1">
      <c r="A57" s="17" t="s">
        <v>111</v>
      </c>
      <c r="B57" s="17"/>
      <c r="C57" s="13">
        <v>3590</v>
      </c>
      <c r="D57" s="19">
        <v>1860</v>
      </c>
      <c r="E57" s="19">
        <v>1730</v>
      </c>
      <c r="F57" s="19"/>
      <c r="G57" s="18" t="s">
        <v>112</v>
      </c>
      <c r="H57" s="17"/>
      <c r="I57" s="13">
        <v>441</v>
      </c>
      <c r="J57" s="19">
        <v>119</v>
      </c>
      <c r="K57" s="19">
        <v>322</v>
      </c>
    </row>
    <row r="58" spans="1:11" ht="15" customHeight="1">
      <c r="A58" s="17" t="s">
        <v>113</v>
      </c>
      <c r="B58" s="17"/>
      <c r="C58" s="13">
        <v>3577</v>
      </c>
      <c r="D58" s="19">
        <v>1857</v>
      </c>
      <c r="E58" s="19">
        <v>1720</v>
      </c>
      <c r="F58" s="19"/>
      <c r="G58" s="18" t="s">
        <v>114</v>
      </c>
      <c r="H58" s="17"/>
      <c r="I58" s="13">
        <v>326</v>
      </c>
      <c r="J58" s="19">
        <v>90</v>
      </c>
      <c r="K58" s="19">
        <v>236</v>
      </c>
    </row>
    <row r="59" spans="1:11" ht="20.100000000000001" customHeight="1">
      <c r="A59" s="17" t="s">
        <v>115</v>
      </c>
      <c r="B59" s="17"/>
      <c r="C59" s="13">
        <v>19951</v>
      </c>
      <c r="D59" s="14">
        <v>10158</v>
      </c>
      <c r="E59" s="14">
        <v>9793</v>
      </c>
      <c r="F59" s="14"/>
      <c r="G59" s="18" t="s">
        <v>116</v>
      </c>
      <c r="H59" s="17"/>
      <c r="I59" s="13">
        <v>697</v>
      </c>
      <c r="J59" s="14">
        <v>146</v>
      </c>
      <c r="K59" s="14">
        <v>551</v>
      </c>
    </row>
    <row r="60" spans="1:11" ht="15" customHeight="1">
      <c r="A60" s="17" t="s">
        <v>117</v>
      </c>
      <c r="B60" s="17"/>
      <c r="C60" s="13">
        <v>3645</v>
      </c>
      <c r="D60" s="19">
        <v>1887</v>
      </c>
      <c r="E60" s="19">
        <v>1758</v>
      </c>
      <c r="F60" s="19"/>
      <c r="G60" s="18" t="s">
        <v>118</v>
      </c>
      <c r="H60" s="17"/>
      <c r="I60" s="13">
        <v>254</v>
      </c>
      <c r="J60" s="19">
        <v>59</v>
      </c>
      <c r="K60" s="19">
        <v>195</v>
      </c>
    </row>
    <row r="61" spans="1:11" ht="15" customHeight="1">
      <c r="A61" s="17" t="s">
        <v>119</v>
      </c>
      <c r="B61" s="17"/>
      <c r="C61" s="13">
        <v>3729</v>
      </c>
      <c r="D61" s="19">
        <v>1913</v>
      </c>
      <c r="E61" s="19">
        <v>1816</v>
      </c>
      <c r="F61" s="19"/>
      <c r="G61" s="18" t="s">
        <v>120</v>
      </c>
      <c r="H61" s="17"/>
      <c r="I61" s="13">
        <v>169</v>
      </c>
      <c r="J61" s="19">
        <v>34</v>
      </c>
      <c r="K61" s="19">
        <v>135</v>
      </c>
    </row>
    <row r="62" spans="1:11" ht="15" customHeight="1">
      <c r="A62" s="17" t="s">
        <v>121</v>
      </c>
      <c r="B62" s="17"/>
      <c r="C62" s="13">
        <v>4062</v>
      </c>
      <c r="D62" s="19">
        <v>2051</v>
      </c>
      <c r="E62" s="19">
        <v>2011</v>
      </c>
      <c r="F62" s="19"/>
      <c r="G62" s="18" t="s">
        <v>122</v>
      </c>
      <c r="H62" s="17"/>
      <c r="I62" s="13">
        <v>138</v>
      </c>
      <c r="J62" s="19">
        <v>32</v>
      </c>
      <c r="K62" s="19">
        <v>106</v>
      </c>
    </row>
    <row r="63" spans="1:11" ht="15" customHeight="1">
      <c r="A63" s="17" t="s">
        <v>123</v>
      </c>
      <c r="B63" s="17"/>
      <c r="C63" s="13">
        <v>4325</v>
      </c>
      <c r="D63" s="19">
        <v>2187</v>
      </c>
      <c r="E63" s="19">
        <v>2138</v>
      </c>
      <c r="F63" s="19"/>
      <c r="G63" s="18" t="s">
        <v>124</v>
      </c>
      <c r="H63" s="17"/>
      <c r="I63" s="13">
        <v>75</v>
      </c>
      <c r="J63" s="19">
        <v>10</v>
      </c>
      <c r="K63" s="19">
        <v>65</v>
      </c>
    </row>
    <row r="64" spans="1:11" ht="15" customHeight="1">
      <c r="A64" s="17" t="s">
        <v>125</v>
      </c>
      <c r="B64" s="17"/>
      <c r="C64" s="13">
        <v>4190</v>
      </c>
      <c r="D64" s="19">
        <v>2120</v>
      </c>
      <c r="E64" s="19">
        <v>2070</v>
      </c>
      <c r="F64" s="19"/>
      <c r="G64" s="18" t="s">
        <v>126</v>
      </c>
      <c r="H64" s="17"/>
      <c r="I64" s="13">
        <v>61</v>
      </c>
      <c r="J64" s="19">
        <v>11</v>
      </c>
      <c r="K64" s="19">
        <v>50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06</v>
      </c>
      <c r="J65" s="19">
        <v>13</v>
      </c>
      <c r="K65" s="19">
        <v>93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9531</v>
      </c>
      <c r="J66" s="27">
        <v>6300</v>
      </c>
      <c r="K66" s="27">
        <v>3231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3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23571</v>
      </c>
      <c r="D4" s="14">
        <v>115181</v>
      </c>
      <c r="E4" s="14">
        <v>10839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7156</v>
      </c>
      <c r="D5" s="14">
        <v>3670</v>
      </c>
      <c r="E5" s="14">
        <v>3486</v>
      </c>
      <c r="F5" s="14"/>
      <c r="G5" s="18" t="s">
        <v>8</v>
      </c>
      <c r="H5" s="17"/>
      <c r="I5" s="13">
        <v>18322</v>
      </c>
      <c r="J5" s="14">
        <v>9842</v>
      </c>
      <c r="K5" s="14">
        <v>8480</v>
      </c>
    </row>
    <row r="6" spans="1:11" ht="15" customHeight="1">
      <c r="A6" s="17" t="s">
        <v>9</v>
      </c>
      <c r="B6" s="17"/>
      <c r="C6" s="13">
        <v>1324</v>
      </c>
      <c r="D6" s="19">
        <v>664</v>
      </c>
      <c r="E6" s="19">
        <v>660</v>
      </c>
      <c r="F6" s="19"/>
      <c r="G6" s="18" t="s">
        <v>10</v>
      </c>
      <c r="H6" s="17"/>
      <c r="I6" s="13">
        <v>3868</v>
      </c>
      <c r="J6" s="19">
        <v>2071</v>
      </c>
      <c r="K6" s="19">
        <v>1797</v>
      </c>
    </row>
    <row r="7" spans="1:11" ht="15" customHeight="1">
      <c r="A7" s="17" t="s">
        <v>11</v>
      </c>
      <c r="B7" s="17"/>
      <c r="C7" s="13">
        <v>1395</v>
      </c>
      <c r="D7" s="19">
        <v>710</v>
      </c>
      <c r="E7" s="19">
        <v>685</v>
      </c>
      <c r="F7" s="19"/>
      <c r="G7" s="18" t="s">
        <v>12</v>
      </c>
      <c r="H7" s="17"/>
      <c r="I7" s="13">
        <v>3768</v>
      </c>
      <c r="J7" s="19">
        <v>2045</v>
      </c>
      <c r="K7" s="19">
        <v>1723</v>
      </c>
    </row>
    <row r="8" spans="1:11" ht="15" customHeight="1">
      <c r="A8" s="17" t="s">
        <v>13</v>
      </c>
      <c r="B8" s="17"/>
      <c r="C8" s="13">
        <v>1397</v>
      </c>
      <c r="D8" s="19">
        <v>720</v>
      </c>
      <c r="E8" s="19">
        <v>677</v>
      </c>
      <c r="F8" s="19"/>
      <c r="G8" s="18" t="s">
        <v>14</v>
      </c>
      <c r="H8" s="17"/>
      <c r="I8" s="13">
        <v>3572</v>
      </c>
      <c r="J8" s="19">
        <v>1892</v>
      </c>
      <c r="K8" s="19">
        <v>1680</v>
      </c>
    </row>
    <row r="9" spans="1:11" ht="15" customHeight="1">
      <c r="A9" s="17" t="s">
        <v>15</v>
      </c>
      <c r="B9" s="17"/>
      <c r="C9" s="13">
        <v>1491</v>
      </c>
      <c r="D9" s="19">
        <v>743</v>
      </c>
      <c r="E9" s="19">
        <v>748</v>
      </c>
      <c r="F9" s="19"/>
      <c r="G9" s="18" t="s">
        <v>16</v>
      </c>
      <c r="H9" s="17"/>
      <c r="I9" s="13">
        <v>3489</v>
      </c>
      <c r="J9" s="19">
        <v>1904</v>
      </c>
      <c r="K9" s="19">
        <v>1585</v>
      </c>
    </row>
    <row r="10" spans="1:11" ht="15" customHeight="1">
      <c r="A10" s="17" t="s">
        <v>17</v>
      </c>
      <c r="B10" s="17"/>
      <c r="C10" s="13">
        <v>1549</v>
      </c>
      <c r="D10" s="19">
        <v>833</v>
      </c>
      <c r="E10" s="19">
        <v>716</v>
      </c>
      <c r="F10" s="19"/>
      <c r="G10" s="18" t="s">
        <v>18</v>
      </c>
      <c r="H10" s="17"/>
      <c r="I10" s="13">
        <v>3625</v>
      </c>
      <c r="J10" s="19">
        <v>1930</v>
      </c>
      <c r="K10" s="19">
        <v>1695</v>
      </c>
    </row>
    <row r="11" spans="1:11" ht="20.100000000000001" customHeight="1">
      <c r="A11" s="17" t="s">
        <v>19</v>
      </c>
      <c r="B11" s="17"/>
      <c r="C11" s="13">
        <v>8540</v>
      </c>
      <c r="D11" s="14">
        <v>4289</v>
      </c>
      <c r="E11" s="14">
        <v>4251</v>
      </c>
      <c r="F11" s="14"/>
      <c r="G11" s="18" t="s">
        <v>20</v>
      </c>
      <c r="H11" s="17"/>
      <c r="I11" s="13">
        <v>13960</v>
      </c>
      <c r="J11" s="14">
        <v>7585</v>
      </c>
      <c r="K11" s="14">
        <v>6375</v>
      </c>
    </row>
    <row r="12" spans="1:11" ht="15" customHeight="1">
      <c r="A12" s="17" t="s">
        <v>21</v>
      </c>
      <c r="B12" s="17"/>
      <c r="C12" s="13">
        <v>1595</v>
      </c>
      <c r="D12" s="19">
        <v>790</v>
      </c>
      <c r="E12" s="19">
        <v>805</v>
      </c>
      <c r="F12" s="19"/>
      <c r="G12" s="18" t="s">
        <v>22</v>
      </c>
      <c r="H12" s="17"/>
      <c r="I12" s="13">
        <v>2531</v>
      </c>
      <c r="J12" s="19">
        <v>1393</v>
      </c>
      <c r="K12" s="19">
        <v>1138</v>
      </c>
    </row>
    <row r="13" spans="1:11" ht="15" customHeight="1">
      <c r="A13" s="17" t="s">
        <v>23</v>
      </c>
      <c r="B13" s="17"/>
      <c r="C13" s="13">
        <v>1706</v>
      </c>
      <c r="D13" s="19">
        <v>836</v>
      </c>
      <c r="E13" s="19">
        <v>870</v>
      </c>
      <c r="F13" s="19"/>
      <c r="G13" s="18" t="s">
        <v>24</v>
      </c>
      <c r="H13" s="17"/>
      <c r="I13" s="13">
        <v>3294</v>
      </c>
      <c r="J13" s="19">
        <v>1801</v>
      </c>
      <c r="K13" s="19">
        <v>1493</v>
      </c>
    </row>
    <row r="14" spans="1:11" ht="15" customHeight="1">
      <c r="A14" s="17" t="s">
        <v>25</v>
      </c>
      <c r="B14" s="17"/>
      <c r="C14" s="13">
        <v>1681</v>
      </c>
      <c r="D14" s="19">
        <v>825</v>
      </c>
      <c r="E14" s="19">
        <v>856</v>
      </c>
      <c r="F14" s="19"/>
      <c r="G14" s="18" t="s">
        <v>26</v>
      </c>
      <c r="H14" s="17"/>
      <c r="I14" s="13">
        <v>2927</v>
      </c>
      <c r="J14" s="19">
        <v>1585</v>
      </c>
      <c r="K14" s="19">
        <v>1342</v>
      </c>
    </row>
    <row r="15" spans="1:11" ht="15" customHeight="1">
      <c r="A15" s="17" t="s">
        <v>27</v>
      </c>
      <c r="B15" s="17"/>
      <c r="C15" s="13">
        <v>1773</v>
      </c>
      <c r="D15" s="19">
        <v>923</v>
      </c>
      <c r="E15" s="19">
        <v>850</v>
      </c>
      <c r="F15" s="19"/>
      <c r="G15" s="18" t="s">
        <v>28</v>
      </c>
      <c r="H15" s="17"/>
      <c r="I15" s="13">
        <v>2685</v>
      </c>
      <c r="J15" s="19">
        <v>1451</v>
      </c>
      <c r="K15" s="19">
        <v>1234</v>
      </c>
    </row>
    <row r="16" spans="1:11" ht="15" customHeight="1">
      <c r="A16" s="17" t="s">
        <v>29</v>
      </c>
      <c r="B16" s="17"/>
      <c r="C16" s="13">
        <v>1785</v>
      </c>
      <c r="D16" s="19">
        <v>915</v>
      </c>
      <c r="E16" s="19">
        <v>870</v>
      </c>
      <c r="F16" s="19"/>
      <c r="G16" s="18" t="s">
        <v>30</v>
      </c>
      <c r="H16" s="17"/>
      <c r="I16" s="13">
        <v>2523</v>
      </c>
      <c r="J16" s="19">
        <v>1355</v>
      </c>
      <c r="K16" s="19">
        <v>1168</v>
      </c>
    </row>
    <row r="17" spans="1:11" ht="20.100000000000001" customHeight="1">
      <c r="A17" s="20" t="s">
        <v>31</v>
      </c>
      <c r="B17" s="20"/>
      <c r="C17" s="13">
        <v>9750</v>
      </c>
      <c r="D17" s="14">
        <v>5102</v>
      </c>
      <c r="E17" s="14">
        <v>4648</v>
      </c>
      <c r="F17" s="14"/>
      <c r="G17" s="18" t="s">
        <v>32</v>
      </c>
      <c r="H17" s="17"/>
      <c r="I17" s="13">
        <v>11798</v>
      </c>
      <c r="J17" s="14">
        <v>6120</v>
      </c>
      <c r="K17" s="14">
        <v>5678</v>
      </c>
    </row>
    <row r="18" spans="1:11" ht="15" customHeight="1">
      <c r="A18" s="17" t="s">
        <v>33</v>
      </c>
      <c r="B18" s="17"/>
      <c r="C18" s="13">
        <v>1861</v>
      </c>
      <c r="D18" s="19">
        <v>1014</v>
      </c>
      <c r="E18" s="19">
        <v>847</v>
      </c>
      <c r="F18" s="19"/>
      <c r="G18" s="18" t="s">
        <v>34</v>
      </c>
      <c r="H18" s="17"/>
      <c r="I18" s="13">
        <v>2478</v>
      </c>
      <c r="J18" s="19">
        <v>1297</v>
      </c>
      <c r="K18" s="19">
        <v>1181</v>
      </c>
    </row>
    <row r="19" spans="1:11" ht="15" customHeight="1">
      <c r="A19" s="17" t="s">
        <v>35</v>
      </c>
      <c r="B19" s="17"/>
      <c r="C19" s="13">
        <v>1973</v>
      </c>
      <c r="D19" s="19">
        <v>1008</v>
      </c>
      <c r="E19" s="19">
        <v>965</v>
      </c>
      <c r="F19" s="19"/>
      <c r="G19" s="18" t="s">
        <v>36</v>
      </c>
      <c r="H19" s="17"/>
      <c r="I19" s="13">
        <v>2388</v>
      </c>
      <c r="J19" s="19">
        <v>1213</v>
      </c>
      <c r="K19" s="19">
        <v>1175</v>
      </c>
    </row>
    <row r="20" spans="1:11" ht="15" customHeight="1">
      <c r="A20" s="17" t="s">
        <v>37</v>
      </c>
      <c r="B20" s="17"/>
      <c r="C20" s="13">
        <v>1910</v>
      </c>
      <c r="D20" s="19">
        <v>1010</v>
      </c>
      <c r="E20" s="19">
        <v>900</v>
      </c>
      <c r="F20" s="19"/>
      <c r="G20" s="18" t="s">
        <v>38</v>
      </c>
      <c r="H20" s="17"/>
      <c r="I20" s="13">
        <v>2397</v>
      </c>
      <c r="J20" s="19">
        <v>1255</v>
      </c>
      <c r="K20" s="19">
        <v>1142</v>
      </c>
    </row>
    <row r="21" spans="1:11" ht="15" customHeight="1">
      <c r="A21" s="17" t="s">
        <v>39</v>
      </c>
      <c r="B21" s="17"/>
      <c r="C21" s="13">
        <v>1990</v>
      </c>
      <c r="D21" s="19">
        <v>1017</v>
      </c>
      <c r="E21" s="19">
        <v>973</v>
      </c>
      <c r="F21" s="19"/>
      <c r="G21" s="18" t="s">
        <v>40</v>
      </c>
      <c r="H21" s="17"/>
      <c r="I21" s="13">
        <v>2321</v>
      </c>
      <c r="J21" s="19">
        <v>1190</v>
      </c>
      <c r="K21" s="19">
        <v>1131</v>
      </c>
    </row>
    <row r="22" spans="1:11" ht="15" customHeight="1">
      <c r="A22" s="17" t="s">
        <v>41</v>
      </c>
      <c r="B22" s="17"/>
      <c r="C22" s="13">
        <v>2016</v>
      </c>
      <c r="D22" s="19">
        <v>1053</v>
      </c>
      <c r="E22" s="19">
        <v>963</v>
      </c>
      <c r="F22" s="19"/>
      <c r="G22" s="18" t="s">
        <v>42</v>
      </c>
      <c r="H22" s="17"/>
      <c r="I22" s="13">
        <v>2214</v>
      </c>
      <c r="J22" s="19">
        <v>1165</v>
      </c>
      <c r="K22" s="19">
        <v>1049</v>
      </c>
    </row>
    <row r="23" spans="1:11" ht="20.100000000000001" customHeight="1">
      <c r="A23" s="17" t="s">
        <v>43</v>
      </c>
      <c r="B23" s="17"/>
      <c r="C23" s="13">
        <v>10377</v>
      </c>
      <c r="D23" s="14">
        <v>5285</v>
      </c>
      <c r="E23" s="14">
        <v>5092</v>
      </c>
      <c r="F23" s="14"/>
      <c r="G23" s="18" t="s">
        <v>44</v>
      </c>
      <c r="H23" s="17"/>
      <c r="I23" s="13">
        <v>12712</v>
      </c>
      <c r="J23" s="14">
        <v>6165</v>
      </c>
      <c r="K23" s="14">
        <v>6547</v>
      </c>
    </row>
    <row r="24" spans="1:11" ht="15" customHeight="1">
      <c r="A24" s="17" t="s">
        <v>45</v>
      </c>
      <c r="B24" s="17"/>
      <c r="C24" s="13">
        <v>1992</v>
      </c>
      <c r="D24" s="19">
        <v>1029</v>
      </c>
      <c r="E24" s="19">
        <v>963</v>
      </c>
      <c r="F24" s="19"/>
      <c r="G24" s="18" t="s">
        <v>46</v>
      </c>
      <c r="H24" s="17"/>
      <c r="I24" s="13">
        <v>2307</v>
      </c>
      <c r="J24" s="19">
        <v>1163</v>
      </c>
      <c r="K24" s="19">
        <v>1144</v>
      </c>
    </row>
    <row r="25" spans="1:11" ht="15" customHeight="1">
      <c r="A25" s="17" t="s">
        <v>47</v>
      </c>
      <c r="B25" s="17"/>
      <c r="C25" s="13">
        <v>1971</v>
      </c>
      <c r="D25" s="19">
        <v>998</v>
      </c>
      <c r="E25" s="19">
        <v>973</v>
      </c>
      <c r="F25" s="19"/>
      <c r="G25" s="18" t="s">
        <v>48</v>
      </c>
      <c r="H25" s="17"/>
      <c r="I25" s="13">
        <v>2428</v>
      </c>
      <c r="J25" s="19">
        <v>1196</v>
      </c>
      <c r="K25" s="19">
        <v>1232</v>
      </c>
    </row>
    <row r="26" spans="1:11" ht="15" customHeight="1">
      <c r="A26" s="17" t="s">
        <v>49</v>
      </c>
      <c r="B26" s="17"/>
      <c r="C26" s="13">
        <v>1931</v>
      </c>
      <c r="D26" s="19">
        <v>966</v>
      </c>
      <c r="E26" s="19">
        <v>965</v>
      </c>
      <c r="F26" s="19"/>
      <c r="G26" s="18" t="s">
        <v>50</v>
      </c>
      <c r="H26" s="17"/>
      <c r="I26" s="13">
        <v>2542</v>
      </c>
      <c r="J26" s="19">
        <v>1211</v>
      </c>
      <c r="K26" s="19">
        <v>1331</v>
      </c>
    </row>
    <row r="27" spans="1:11" ht="15" customHeight="1">
      <c r="A27" s="17" t="s">
        <v>51</v>
      </c>
      <c r="B27" s="17"/>
      <c r="C27" s="13">
        <v>2133</v>
      </c>
      <c r="D27" s="19">
        <v>1083</v>
      </c>
      <c r="E27" s="19">
        <v>1050</v>
      </c>
      <c r="F27" s="19"/>
      <c r="G27" s="18" t="s">
        <v>52</v>
      </c>
      <c r="H27" s="17"/>
      <c r="I27" s="13">
        <v>2544</v>
      </c>
      <c r="J27" s="19">
        <v>1221</v>
      </c>
      <c r="K27" s="19">
        <v>1323</v>
      </c>
    </row>
    <row r="28" spans="1:11" ht="15" customHeight="1">
      <c r="A28" s="17" t="s">
        <v>53</v>
      </c>
      <c r="B28" s="17"/>
      <c r="C28" s="13">
        <v>2350</v>
      </c>
      <c r="D28" s="19">
        <v>1209</v>
      </c>
      <c r="E28" s="19">
        <v>1141</v>
      </c>
      <c r="F28" s="19"/>
      <c r="G28" s="18" t="s">
        <v>54</v>
      </c>
      <c r="H28" s="17"/>
      <c r="I28" s="13">
        <v>2891</v>
      </c>
      <c r="J28" s="19">
        <v>1374</v>
      </c>
      <c r="K28" s="19">
        <v>1517</v>
      </c>
    </row>
    <row r="29" spans="1:11" ht="20.100000000000001" customHeight="1">
      <c r="A29" s="17" t="s">
        <v>55</v>
      </c>
      <c r="B29" s="17"/>
      <c r="C29" s="13">
        <v>13448</v>
      </c>
      <c r="D29" s="14">
        <v>7504</v>
      </c>
      <c r="E29" s="14">
        <v>5944</v>
      </c>
      <c r="F29" s="14"/>
      <c r="G29" s="18" t="s">
        <v>56</v>
      </c>
      <c r="H29" s="17"/>
      <c r="I29" s="13">
        <v>16747</v>
      </c>
      <c r="J29" s="14">
        <v>7945</v>
      </c>
      <c r="K29" s="14">
        <v>8802</v>
      </c>
    </row>
    <row r="30" spans="1:11" ht="15" customHeight="1">
      <c r="A30" s="17" t="s">
        <v>57</v>
      </c>
      <c r="B30" s="17"/>
      <c r="C30" s="13">
        <v>2710</v>
      </c>
      <c r="D30" s="19">
        <v>1512</v>
      </c>
      <c r="E30" s="19">
        <v>1198</v>
      </c>
      <c r="F30" s="19"/>
      <c r="G30" s="18" t="s">
        <v>58</v>
      </c>
      <c r="H30" s="17"/>
      <c r="I30" s="13">
        <v>2993</v>
      </c>
      <c r="J30" s="19">
        <v>1433</v>
      </c>
      <c r="K30" s="19">
        <v>1560</v>
      </c>
    </row>
    <row r="31" spans="1:11" ht="15" customHeight="1">
      <c r="A31" s="17" t="s">
        <v>59</v>
      </c>
      <c r="B31" s="17"/>
      <c r="C31" s="13">
        <v>2797</v>
      </c>
      <c r="D31" s="19">
        <v>1572</v>
      </c>
      <c r="E31" s="19">
        <v>1225</v>
      </c>
      <c r="F31" s="19"/>
      <c r="G31" s="18" t="s">
        <v>60</v>
      </c>
      <c r="H31" s="17"/>
      <c r="I31" s="13">
        <v>3164</v>
      </c>
      <c r="J31" s="19">
        <v>1516</v>
      </c>
      <c r="K31" s="19">
        <v>1648</v>
      </c>
    </row>
    <row r="32" spans="1:11" ht="15" customHeight="1">
      <c r="A32" s="17" t="s">
        <v>61</v>
      </c>
      <c r="B32" s="17"/>
      <c r="C32" s="13">
        <v>2804</v>
      </c>
      <c r="D32" s="19">
        <v>1582</v>
      </c>
      <c r="E32" s="19">
        <v>1222</v>
      </c>
      <c r="F32" s="19"/>
      <c r="G32" s="18" t="s">
        <v>62</v>
      </c>
      <c r="H32" s="17"/>
      <c r="I32" s="13">
        <v>3596</v>
      </c>
      <c r="J32" s="19">
        <v>1729</v>
      </c>
      <c r="K32" s="19">
        <v>1867</v>
      </c>
    </row>
    <row r="33" spans="1:11" ht="15" customHeight="1">
      <c r="A33" s="17" t="s">
        <v>63</v>
      </c>
      <c r="B33" s="17"/>
      <c r="C33" s="13">
        <v>2659</v>
      </c>
      <c r="D33" s="19">
        <v>1500</v>
      </c>
      <c r="E33" s="19">
        <v>1159</v>
      </c>
      <c r="F33" s="19"/>
      <c r="G33" s="18" t="s">
        <v>64</v>
      </c>
      <c r="H33" s="17"/>
      <c r="I33" s="13">
        <v>3518</v>
      </c>
      <c r="J33" s="19">
        <v>1642</v>
      </c>
      <c r="K33" s="19">
        <v>1876</v>
      </c>
    </row>
    <row r="34" spans="1:11" ht="15" customHeight="1">
      <c r="A34" s="17" t="s">
        <v>65</v>
      </c>
      <c r="B34" s="17"/>
      <c r="C34" s="13">
        <v>2478</v>
      </c>
      <c r="D34" s="19">
        <v>1338</v>
      </c>
      <c r="E34" s="19">
        <v>1140</v>
      </c>
      <c r="F34" s="19"/>
      <c r="G34" s="18" t="s">
        <v>66</v>
      </c>
      <c r="H34" s="17"/>
      <c r="I34" s="13">
        <v>3476</v>
      </c>
      <c r="J34" s="19">
        <v>1625</v>
      </c>
      <c r="K34" s="19">
        <v>1851</v>
      </c>
    </row>
    <row r="35" spans="1:11" ht="20.100000000000001" customHeight="1">
      <c r="A35" s="17" t="s">
        <v>67</v>
      </c>
      <c r="B35" s="17"/>
      <c r="C35" s="13">
        <v>11772</v>
      </c>
      <c r="D35" s="14">
        <v>6657</v>
      </c>
      <c r="E35" s="14">
        <v>5115</v>
      </c>
      <c r="F35" s="14"/>
      <c r="G35" s="18" t="s">
        <v>68</v>
      </c>
      <c r="H35" s="17"/>
      <c r="I35" s="13">
        <v>12154</v>
      </c>
      <c r="J35" s="14">
        <v>5716</v>
      </c>
      <c r="K35" s="14">
        <v>6438</v>
      </c>
    </row>
    <row r="36" spans="1:11" ht="15" customHeight="1">
      <c r="A36" s="17" t="s">
        <v>69</v>
      </c>
      <c r="B36" s="17"/>
      <c r="C36" s="13">
        <v>2465</v>
      </c>
      <c r="D36" s="19">
        <v>1388</v>
      </c>
      <c r="E36" s="19">
        <v>1077</v>
      </c>
      <c r="F36" s="19"/>
      <c r="G36" s="18" t="s">
        <v>70</v>
      </c>
      <c r="H36" s="17"/>
      <c r="I36" s="13">
        <v>2430</v>
      </c>
      <c r="J36" s="19">
        <v>1175</v>
      </c>
      <c r="K36" s="19">
        <v>1255</v>
      </c>
    </row>
    <row r="37" spans="1:11" ht="15" customHeight="1">
      <c r="A37" s="17" t="s">
        <v>71</v>
      </c>
      <c r="B37" s="17"/>
      <c r="C37" s="13">
        <v>2351</v>
      </c>
      <c r="D37" s="19">
        <v>1311</v>
      </c>
      <c r="E37" s="19">
        <v>1040</v>
      </c>
      <c r="F37" s="19"/>
      <c r="G37" s="18" t="s">
        <v>72</v>
      </c>
      <c r="H37" s="17"/>
      <c r="I37" s="13">
        <v>2116</v>
      </c>
      <c r="J37" s="19">
        <v>1031</v>
      </c>
      <c r="K37" s="19">
        <v>1085</v>
      </c>
    </row>
    <row r="38" spans="1:11" ht="15" customHeight="1">
      <c r="A38" s="17" t="s">
        <v>73</v>
      </c>
      <c r="B38" s="17"/>
      <c r="C38" s="13">
        <v>2451</v>
      </c>
      <c r="D38" s="19">
        <v>1407</v>
      </c>
      <c r="E38" s="19">
        <v>1044</v>
      </c>
      <c r="F38" s="19"/>
      <c r="G38" s="18" t="s">
        <v>74</v>
      </c>
      <c r="H38" s="17"/>
      <c r="I38" s="13">
        <v>2559</v>
      </c>
      <c r="J38" s="19">
        <v>1181</v>
      </c>
      <c r="K38" s="19">
        <v>1378</v>
      </c>
    </row>
    <row r="39" spans="1:11" ht="15" customHeight="1">
      <c r="A39" s="17" t="s">
        <v>75</v>
      </c>
      <c r="B39" s="17"/>
      <c r="C39" s="13">
        <v>2282</v>
      </c>
      <c r="D39" s="19">
        <v>1289</v>
      </c>
      <c r="E39" s="19">
        <v>993</v>
      </c>
      <c r="F39" s="19"/>
      <c r="G39" s="18" t="s">
        <v>76</v>
      </c>
      <c r="H39" s="17"/>
      <c r="I39" s="13">
        <v>2564</v>
      </c>
      <c r="J39" s="19">
        <v>1171</v>
      </c>
      <c r="K39" s="19">
        <v>1393</v>
      </c>
    </row>
    <row r="40" spans="1:11" ht="15" customHeight="1">
      <c r="A40" s="17" t="s">
        <v>77</v>
      </c>
      <c r="B40" s="17"/>
      <c r="C40" s="13">
        <v>2223</v>
      </c>
      <c r="D40" s="19">
        <v>1262</v>
      </c>
      <c r="E40" s="19">
        <v>961</v>
      </c>
      <c r="F40" s="19"/>
      <c r="G40" s="18" t="s">
        <v>78</v>
      </c>
      <c r="H40" s="17"/>
      <c r="I40" s="13">
        <v>2485</v>
      </c>
      <c r="J40" s="19">
        <v>1158</v>
      </c>
      <c r="K40" s="19">
        <v>1327</v>
      </c>
    </row>
    <row r="41" spans="1:11" ht="20.100000000000001" customHeight="1">
      <c r="A41" s="17" t="s">
        <v>79</v>
      </c>
      <c r="B41" s="17"/>
      <c r="C41" s="13">
        <v>10997</v>
      </c>
      <c r="D41" s="14">
        <v>6116</v>
      </c>
      <c r="E41" s="14">
        <v>4881</v>
      </c>
      <c r="F41" s="14"/>
      <c r="G41" s="18" t="s">
        <v>80</v>
      </c>
      <c r="H41" s="17"/>
      <c r="I41" s="13">
        <v>8914</v>
      </c>
      <c r="J41" s="14">
        <v>4116</v>
      </c>
      <c r="K41" s="14">
        <v>4798</v>
      </c>
    </row>
    <row r="42" spans="1:11" ht="15" customHeight="1">
      <c r="A42" s="17" t="s">
        <v>81</v>
      </c>
      <c r="B42" s="17"/>
      <c r="C42" s="13">
        <v>2246</v>
      </c>
      <c r="D42" s="19">
        <v>1246</v>
      </c>
      <c r="E42" s="19">
        <v>1000</v>
      </c>
      <c r="F42" s="19"/>
      <c r="G42" s="18" t="s">
        <v>82</v>
      </c>
      <c r="H42" s="17"/>
      <c r="I42" s="13">
        <v>2251</v>
      </c>
      <c r="J42" s="19">
        <v>1028</v>
      </c>
      <c r="K42" s="19">
        <v>1223</v>
      </c>
    </row>
    <row r="43" spans="1:11" ht="15" customHeight="1">
      <c r="A43" s="17" t="s">
        <v>83</v>
      </c>
      <c r="B43" s="17"/>
      <c r="C43" s="13">
        <v>2210</v>
      </c>
      <c r="D43" s="19">
        <v>1255</v>
      </c>
      <c r="E43" s="19">
        <v>955</v>
      </c>
      <c r="F43" s="19"/>
      <c r="G43" s="18" t="s">
        <v>84</v>
      </c>
      <c r="H43" s="17"/>
      <c r="I43" s="13">
        <v>2105</v>
      </c>
      <c r="J43" s="19">
        <v>992</v>
      </c>
      <c r="K43" s="19">
        <v>1113</v>
      </c>
    </row>
    <row r="44" spans="1:11" ht="15" customHeight="1">
      <c r="A44" s="17" t="s">
        <v>85</v>
      </c>
      <c r="B44" s="17"/>
      <c r="C44" s="13">
        <v>2144</v>
      </c>
      <c r="D44" s="19">
        <v>1216</v>
      </c>
      <c r="E44" s="19">
        <v>928</v>
      </c>
      <c r="F44" s="19"/>
      <c r="G44" s="18" t="s">
        <v>86</v>
      </c>
      <c r="H44" s="17"/>
      <c r="I44" s="13">
        <v>1682</v>
      </c>
      <c r="J44" s="19">
        <v>770</v>
      </c>
      <c r="K44" s="19">
        <v>912</v>
      </c>
    </row>
    <row r="45" spans="1:11" ht="15" customHeight="1">
      <c r="A45" s="17" t="s">
        <v>87</v>
      </c>
      <c r="B45" s="17"/>
      <c r="C45" s="13">
        <v>2224</v>
      </c>
      <c r="D45" s="19">
        <v>1202</v>
      </c>
      <c r="E45" s="19">
        <v>1022</v>
      </c>
      <c r="F45" s="19"/>
      <c r="G45" s="18" t="s">
        <v>88</v>
      </c>
      <c r="H45" s="17"/>
      <c r="I45" s="13">
        <v>1469</v>
      </c>
      <c r="J45" s="19">
        <v>697</v>
      </c>
      <c r="K45" s="19">
        <v>772</v>
      </c>
    </row>
    <row r="46" spans="1:11" ht="15" customHeight="1">
      <c r="A46" s="17" t="s">
        <v>89</v>
      </c>
      <c r="B46" s="17"/>
      <c r="C46" s="13">
        <v>2173</v>
      </c>
      <c r="D46" s="19">
        <v>1197</v>
      </c>
      <c r="E46" s="19">
        <v>976</v>
      </c>
      <c r="F46" s="19"/>
      <c r="G46" s="18" t="s">
        <v>90</v>
      </c>
      <c r="H46" s="17"/>
      <c r="I46" s="13">
        <v>1407</v>
      </c>
      <c r="J46" s="19">
        <v>629</v>
      </c>
      <c r="K46" s="19">
        <v>778</v>
      </c>
    </row>
    <row r="47" spans="1:11" ht="20.100000000000001" customHeight="1">
      <c r="A47" s="17" t="s">
        <v>91</v>
      </c>
      <c r="B47" s="17"/>
      <c r="C47" s="13">
        <v>12519</v>
      </c>
      <c r="D47" s="14">
        <v>6795</v>
      </c>
      <c r="E47" s="14">
        <v>5724</v>
      </c>
      <c r="F47" s="14"/>
      <c r="G47" s="18" t="s">
        <v>92</v>
      </c>
      <c r="H47" s="17"/>
      <c r="I47" s="13">
        <v>4973</v>
      </c>
      <c r="J47" s="14">
        <v>2033</v>
      </c>
      <c r="K47" s="14">
        <v>2940</v>
      </c>
    </row>
    <row r="48" spans="1:11" ht="15" customHeight="1">
      <c r="A48" s="17" t="s">
        <v>93</v>
      </c>
      <c r="B48" s="17"/>
      <c r="C48" s="13">
        <v>2319</v>
      </c>
      <c r="D48" s="19">
        <v>1292</v>
      </c>
      <c r="E48" s="19">
        <v>1027</v>
      </c>
      <c r="F48" s="19"/>
      <c r="G48" s="18" t="s">
        <v>94</v>
      </c>
      <c r="H48" s="17"/>
      <c r="I48" s="13">
        <v>1284</v>
      </c>
      <c r="J48" s="19">
        <v>573</v>
      </c>
      <c r="K48" s="19">
        <v>711</v>
      </c>
    </row>
    <row r="49" spans="1:11" ht="15" customHeight="1">
      <c r="A49" s="17" t="s">
        <v>95</v>
      </c>
      <c r="B49" s="17"/>
      <c r="C49" s="13">
        <v>2383</v>
      </c>
      <c r="D49" s="19">
        <v>1286</v>
      </c>
      <c r="E49" s="19">
        <v>1097</v>
      </c>
      <c r="F49" s="19"/>
      <c r="G49" s="18" t="s">
        <v>96</v>
      </c>
      <c r="H49" s="17"/>
      <c r="I49" s="13">
        <v>1176</v>
      </c>
      <c r="J49" s="19">
        <v>477</v>
      </c>
      <c r="K49" s="19">
        <v>699</v>
      </c>
    </row>
    <row r="50" spans="1:11" ht="15" customHeight="1">
      <c r="A50" s="17" t="s">
        <v>97</v>
      </c>
      <c r="B50" s="17"/>
      <c r="C50" s="13">
        <v>2560</v>
      </c>
      <c r="D50" s="19">
        <v>1389</v>
      </c>
      <c r="E50" s="19">
        <v>1171</v>
      </c>
      <c r="F50" s="19"/>
      <c r="G50" s="18" t="s">
        <v>98</v>
      </c>
      <c r="H50" s="17"/>
      <c r="I50" s="13">
        <v>941</v>
      </c>
      <c r="J50" s="19">
        <v>398</v>
      </c>
      <c r="K50" s="19">
        <v>543</v>
      </c>
    </row>
    <row r="51" spans="1:11" ht="15" customHeight="1">
      <c r="A51" s="17" t="s">
        <v>99</v>
      </c>
      <c r="B51" s="17"/>
      <c r="C51" s="13">
        <v>2686</v>
      </c>
      <c r="D51" s="19">
        <v>1460</v>
      </c>
      <c r="E51" s="19">
        <v>1226</v>
      </c>
      <c r="F51" s="19"/>
      <c r="G51" s="18" t="s">
        <v>100</v>
      </c>
      <c r="H51" s="17"/>
      <c r="I51" s="13">
        <v>819</v>
      </c>
      <c r="J51" s="19">
        <v>314</v>
      </c>
      <c r="K51" s="19">
        <v>505</v>
      </c>
    </row>
    <row r="52" spans="1:11" ht="15" customHeight="1">
      <c r="A52" s="17" t="s">
        <v>101</v>
      </c>
      <c r="B52" s="17"/>
      <c r="C52" s="13">
        <v>2571</v>
      </c>
      <c r="D52" s="19">
        <v>1368</v>
      </c>
      <c r="E52" s="19">
        <v>1203</v>
      </c>
      <c r="F52" s="19"/>
      <c r="G52" s="18" t="s">
        <v>102</v>
      </c>
      <c r="H52" s="17"/>
      <c r="I52" s="13">
        <v>753</v>
      </c>
      <c r="J52" s="19">
        <v>271</v>
      </c>
      <c r="K52" s="19">
        <v>482</v>
      </c>
    </row>
    <row r="53" spans="1:11" ht="20.100000000000001" customHeight="1">
      <c r="A53" s="17" t="s">
        <v>103</v>
      </c>
      <c r="B53" s="17"/>
      <c r="C53" s="13">
        <v>14852</v>
      </c>
      <c r="D53" s="14">
        <v>7943</v>
      </c>
      <c r="E53" s="14">
        <v>6909</v>
      </c>
      <c r="F53" s="14"/>
      <c r="G53" s="18" t="s">
        <v>104</v>
      </c>
      <c r="H53" s="17"/>
      <c r="I53" s="13">
        <v>2047</v>
      </c>
      <c r="J53" s="14">
        <v>613</v>
      </c>
      <c r="K53" s="14">
        <v>1434</v>
      </c>
    </row>
    <row r="54" spans="1:11" ht="15" customHeight="1">
      <c r="A54" s="17" t="s">
        <v>105</v>
      </c>
      <c r="B54" s="17"/>
      <c r="C54" s="13">
        <v>2765</v>
      </c>
      <c r="D54" s="19">
        <v>1462</v>
      </c>
      <c r="E54" s="19">
        <v>1303</v>
      </c>
      <c r="F54" s="19"/>
      <c r="G54" s="18" t="s">
        <v>106</v>
      </c>
      <c r="H54" s="17"/>
      <c r="I54" s="13">
        <v>598</v>
      </c>
      <c r="J54" s="19">
        <v>189</v>
      </c>
      <c r="K54" s="19">
        <v>409</v>
      </c>
    </row>
    <row r="55" spans="1:11" ht="15" customHeight="1">
      <c r="A55" s="17" t="s">
        <v>107</v>
      </c>
      <c r="B55" s="17"/>
      <c r="C55" s="13">
        <v>2740</v>
      </c>
      <c r="D55" s="19">
        <v>1472</v>
      </c>
      <c r="E55" s="19">
        <v>1268</v>
      </c>
      <c r="F55" s="19"/>
      <c r="G55" s="18" t="s">
        <v>108</v>
      </c>
      <c r="H55" s="17"/>
      <c r="I55" s="13">
        <v>459</v>
      </c>
      <c r="J55" s="19">
        <v>130</v>
      </c>
      <c r="K55" s="19">
        <v>329</v>
      </c>
    </row>
    <row r="56" spans="1:11" ht="15" customHeight="1">
      <c r="A56" s="17" t="s">
        <v>109</v>
      </c>
      <c r="B56" s="17"/>
      <c r="C56" s="13">
        <v>3058</v>
      </c>
      <c r="D56" s="19">
        <v>1657</v>
      </c>
      <c r="E56" s="19">
        <v>1401</v>
      </c>
      <c r="F56" s="19"/>
      <c r="G56" s="18" t="s">
        <v>110</v>
      </c>
      <c r="H56" s="17"/>
      <c r="I56" s="13">
        <v>407</v>
      </c>
      <c r="J56" s="19">
        <v>135</v>
      </c>
      <c r="K56" s="19">
        <v>272</v>
      </c>
    </row>
    <row r="57" spans="1:11" ht="15" customHeight="1">
      <c r="A57" s="17" t="s">
        <v>111</v>
      </c>
      <c r="B57" s="17"/>
      <c r="C57" s="13">
        <v>3102</v>
      </c>
      <c r="D57" s="19">
        <v>1664</v>
      </c>
      <c r="E57" s="19">
        <v>1438</v>
      </c>
      <c r="F57" s="19"/>
      <c r="G57" s="18" t="s">
        <v>112</v>
      </c>
      <c r="H57" s="17"/>
      <c r="I57" s="13">
        <v>330</v>
      </c>
      <c r="J57" s="19">
        <v>91</v>
      </c>
      <c r="K57" s="19">
        <v>239</v>
      </c>
    </row>
    <row r="58" spans="1:11" ht="15" customHeight="1">
      <c r="A58" s="17" t="s">
        <v>113</v>
      </c>
      <c r="B58" s="17"/>
      <c r="C58" s="13">
        <v>3187</v>
      </c>
      <c r="D58" s="19">
        <v>1688</v>
      </c>
      <c r="E58" s="19">
        <v>1499</v>
      </c>
      <c r="F58" s="19"/>
      <c r="G58" s="18" t="s">
        <v>114</v>
      </c>
      <c r="H58" s="17"/>
      <c r="I58" s="13">
        <v>253</v>
      </c>
      <c r="J58" s="19">
        <v>68</v>
      </c>
      <c r="K58" s="19">
        <v>185</v>
      </c>
    </row>
    <row r="59" spans="1:11" ht="20.100000000000001" customHeight="1">
      <c r="A59" s="17" t="s">
        <v>115</v>
      </c>
      <c r="B59" s="17"/>
      <c r="C59" s="13">
        <v>18691</v>
      </c>
      <c r="D59" s="14">
        <v>9970</v>
      </c>
      <c r="E59" s="14">
        <v>8721</v>
      </c>
      <c r="F59" s="14"/>
      <c r="G59" s="18" t="s">
        <v>116</v>
      </c>
      <c r="H59" s="17"/>
      <c r="I59" s="13">
        <v>564</v>
      </c>
      <c r="J59" s="14">
        <v>123</v>
      </c>
      <c r="K59" s="14">
        <v>441</v>
      </c>
    </row>
    <row r="60" spans="1:11" ht="15" customHeight="1">
      <c r="A60" s="17" t="s">
        <v>117</v>
      </c>
      <c r="B60" s="17"/>
      <c r="C60" s="13">
        <v>3311</v>
      </c>
      <c r="D60" s="19">
        <v>1801</v>
      </c>
      <c r="E60" s="19">
        <v>1510</v>
      </c>
      <c r="F60" s="19"/>
      <c r="G60" s="18" t="s">
        <v>118</v>
      </c>
      <c r="H60" s="17"/>
      <c r="I60" s="13">
        <v>182</v>
      </c>
      <c r="J60" s="19">
        <v>50</v>
      </c>
      <c r="K60" s="19">
        <v>132</v>
      </c>
    </row>
    <row r="61" spans="1:11" ht="15" customHeight="1">
      <c r="A61" s="17" t="s">
        <v>119</v>
      </c>
      <c r="B61" s="17"/>
      <c r="C61" s="13">
        <v>3526</v>
      </c>
      <c r="D61" s="19">
        <v>1813</v>
      </c>
      <c r="E61" s="19">
        <v>1713</v>
      </c>
      <c r="F61" s="19"/>
      <c r="G61" s="18" t="s">
        <v>120</v>
      </c>
      <c r="H61" s="17"/>
      <c r="I61" s="13">
        <v>159</v>
      </c>
      <c r="J61" s="19">
        <v>34</v>
      </c>
      <c r="K61" s="19">
        <v>125</v>
      </c>
    </row>
    <row r="62" spans="1:11" ht="15" customHeight="1">
      <c r="A62" s="17" t="s">
        <v>121</v>
      </c>
      <c r="B62" s="17"/>
      <c r="C62" s="13">
        <v>3761</v>
      </c>
      <c r="D62" s="19">
        <v>2025</v>
      </c>
      <c r="E62" s="19">
        <v>1736</v>
      </c>
      <c r="F62" s="19"/>
      <c r="G62" s="18" t="s">
        <v>122</v>
      </c>
      <c r="H62" s="17"/>
      <c r="I62" s="13">
        <v>97</v>
      </c>
      <c r="J62" s="19">
        <v>19</v>
      </c>
      <c r="K62" s="19">
        <v>78</v>
      </c>
    </row>
    <row r="63" spans="1:11" ht="15" customHeight="1">
      <c r="A63" s="17" t="s">
        <v>123</v>
      </c>
      <c r="B63" s="17"/>
      <c r="C63" s="13">
        <v>4065</v>
      </c>
      <c r="D63" s="19">
        <v>2205</v>
      </c>
      <c r="E63" s="19">
        <v>1860</v>
      </c>
      <c r="F63" s="19"/>
      <c r="G63" s="18" t="s">
        <v>124</v>
      </c>
      <c r="H63" s="17"/>
      <c r="I63" s="13">
        <v>81</v>
      </c>
      <c r="J63" s="19">
        <v>14</v>
      </c>
      <c r="K63" s="19">
        <v>67</v>
      </c>
    </row>
    <row r="64" spans="1:11" ht="15" customHeight="1">
      <c r="A64" s="17" t="s">
        <v>125</v>
      </c>
      <c r="B64" s="17"/>
      <c r="C64" s="13">
        <v>4028</v>
      </c>
      <c r="D64" s="19">
        <v>2126</v>
      </c>
      <c r="E64" s="19">
        <v>1902</v>
      </c>
      <c r="F64" s="19"/>
      <c r="G64" s="18" t="s">
        <v>126</v>
      </c>
      <c r="H64" s="17"/>
      <c r="I64" s="13">
        <v>45</v>
      </c>
      <c r="J64" s="19">
        <v>6</v>
      </c>
      <c r="K64" s="19">
        <v>39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76</v>
      </c>
      <c r="J65" s="19">
        <v>15</v>
      </c>
      <c r="K65" s="19">
        <v>61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3202</v>
      </c>
      <c r="J66" s="27">
        <v>1577</v>
      </c>
      <c r="K66" s="27">
        <v>1625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4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41583</v>
      </c>
      <c r="D4" s="14">
        <v>120406</v>
      </c>
      <c r="E4" s="14">
        <v>12117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338</v>
      </c>
      <c r="D5" s="14">
        <v>4629</v>
      </c>
      <c r="E5" s="14">
        <v>4709</v>
      </c>
      <c r="F5" s="14"/>
      <c r="G5" s="18" t="s">
        <v>8</v>
      </c>
      <c r="H5" s="17"/>
      <c r="I5" s="13">
        <v>19823</v>
      </c>
      <c r="J5" s="14">
        <v>10296</v>
      </c>
      <c r="K5" s="14">
        <v>9527</v>
      </c>
    </row>
    <row r="6" spans="1:11" ht="15" customHeight="1">
      <c r="A6" s="17" t="s">
        <v>9</v>
      </c>
      <c r="B6" s="17"/>
      <c r="C6" s="13">
        <v>1898</v>
      </c>
      <c r="D6" s="19">
        <v>959</v>
      </c>
      <c r="E6" s="19">
        <v>939</v>
      </c>
      <c r="F6" s="19"/>
      <c r="G6" s="18" t="s">
        <v>10</v>
      </c>
      <c r="H6" s="17"/>
      <c r="I6" s="13">
        <v>4152</v>
      </c>
      <c r="J6" s="19">
        <v>2208</v>
      </c>
      <c r="K6" s="19">
        <v>1944</v>
      </c>
    </row>
    <row r="7" spans="1:11" ht="15" customHeight="1">
      <c r="A7" s="17" t="s">
        <v>11</v>
      </c>
      <c r="B7" s="17"/>
      <c r="C7" s="13">
        <v>1739</v>
      </c>
      <c r="D7" s="19">
        <v>849</v>
      </c>
      <c r="E7" s="19">
        <v>890</v>
      </c>
      <c r="F7" s="19"/>
      <c r="G7" s="18" t="s">
        <v>12</v>
      </c>
      <c r="H7" s="17"/>
      <c r="I7" s="13">
        <v>4082</v>
      </c>
      <c r="J7" s="19">
        <v>2163</v>
      </c>
      <c r="K7" s="19">
        <v>1919</v>
      </c>
    </row>
    <row r="8" spans="1:11" ht="15" customHeight="1">
      <c r="A8" s="17" t="s">
        <v>13</v>
      </c>
      <c r="B8" s="17"/>
      <c r="C8" s="13">
        <v>1986</v>
      </c>
      <c r="D8" s="19">
        <v>986</v>
      </c>
      <c r="E8" s="19">
        <v>1000</v>
      </c>
      <c r="F8" s="19"/>
      <c r="G8" s="18" t="s">
        <v>14</v>
      </c>
      <c r="H8" s="17"/>
      <c r="I8" s="13">
        <v>3882</v>
      </c>
      <c r="J8" s="19">
        <v>1988</v>
      </c>
      <c r="K8" s="19">
        <v>1894</v>
      </c>
    </row>
    <row r="9" spans="1:11" ht="15" customHeight="1">
      <c r="A9" s="17" t="s">
        <v>15</v>
      </c>
      <c r="B9" s="17"/>
      <c r="C9" s="13">
        <v>1825</v>
      </c>
      <c r="D9" s="19">
        <v>904</v>
      </c>
      <c r="E9" s="19">
        <v>921</v>
      </c>
      <c r="F9" s="19"/>
      <c r="G9" s="18" t="s">
        <v>16</v>
      </c>
      <c r="H9" s="17"/>
      <c r="I9" s="13">
        <v>3814</v>
      </c>
      <c r="J9" s="19">
        <v>1944</v>
      </c>
      <c r="K9" s="19">
        <v>1870</v>
      </c>
    </row>
    <row r="10" spans="1:11" ht="15" customHeight="1">
      <c r="A10" s="17" t="s">
        <v>17</v>
      </c>
      <c r="B10" s="17"/>
      <c r="C10" s="13">
        <v>1890</v>
      </c>
      <c r="D10" s="19">
        <v>931</v>
      </c>
      <c r="E10" s="19">
        <v>959</v>
      </c>
      <c r="F10" s="19"/>
      <c r="G10" s="18" t="s">
        <v>18</v>
      </c>
      <c r="H10" s="17"/>
      <c r="I10" s="13">
        <v>3893</v>
      </c>
      <c r="J10" s="19">
        <v>1993</v>
      </c>
      <c r="K10" s="19">
        <v>1900</v>
      </c>
    </row>
    <row r="11" spans="1:11" ht="20.100000000000001" customHeight="1">
      <c r="A11" s="17" t="s">
        <v>19</v>
      </c>
      <c r="B11" s="17"/>
      <c r="C11" s="13">
        <v>9776</v>
      </c>
      <c r="D11" s="14">
        <v>4996</v>
      </c>
      <c r="E11" s="14">
        <v>4780</v>
      </c>
      <c r="F11" s="14"/>
      <c r="G11" s="18" t="s">
        <v>20</v>
      </c>
      <c r="H11" s="17"/>
      <c r="I11" s="13">
        <v>15538</v>
      </c>
      <c r="J11" s="14">
        <v>8051</v>
      </c>
      <c r="K11" s="14">
        <v>7487</v>
      </c>
    </row>
    <row r="12" spans="1:11" ht="15" customHeight="1">
      <c r="A12" s="17" t="s">
        <v>21</v>
      </c>
      <c r="B12" s="17"/>
      <c r="C12" s="13">
        <v>1904</v>
      </c>
      <c r="D12" s="19">
        <v>964</v>
      </c>
      <c r="E12" s="19">
        <v>940</v>
      </c>
      <c r="F12" s="19"/>
      <c r="G12" s="18" t="s">
        <v>22</v>
      </c>
      <c r="H12" s="17"/>
      <c r="I12" s="13">
        <v>2869</v>
      </c>
      <c r="J12" s="19">
        <v>1461</v>
      </c>
      <c r="K12" s="19">
        <v>1408</v>
      </c>
    </row>
    <row r="13" spans="1:11" ht="15" customHeight="1">
      <c r="A13" s="17" t="s">
        <v>23</v>
      </c>
      <c r="B13" s="17"/>
      <c r="C13" s="13">
        <v>1983</v>
      </c>
      <c r="D13" s="19">
        <v>1002</v>
      </c>
      <c r="E13" s="19">
        <v>981</v>
      </c>
      <c r="F13" s="19"/>
      <c r="G13" s="18" t="s">
        <v>24</v>
      </c>
      <c r="H13" s="17"/>
      <c r="I13" s="13">
        <v>3617</v>
      </c>
      <c r="J13" s="19">
        <v>1855</v>
      </c>
      <c r="K13" s="19">
        <v>1762</v>
      </c>
    </row>
    <row r="14" spans="1:11" ht="15" customHeight="1">
      <c r="A14" s="17" t="s">
        <v>25</v>
      </c>
      <c r="B14" s="17"/>
      <c r="C14" s="13">
        <v>1935</v>
      </c>
      <c r="D14" s="19">
        <v>1007</v>
      </c>
      <c r="E14" s="19">
        <v>928</v>
      </c>
      <c r="F14" s="19"/>
      <c r="G14" s="18" t="s">
        <v>26</v>
      </c>
      <c r="H14" s="17"/>
      <c r="I14" s="13">
        <v>3206</v>
      </c>
      <c r="J14" s="19">
        <v>1632</v>
      </c>
      <c r="K14" s="19">
        <v>1574</v>
      </c>
    </row>
    <row r="15" spans="1:11" ht="15" customHeight="1">
      <c r="A15" s="17" t="s">
        <v>27</v>
      </c>
      <c r="B15" s="17"/>
      <c r="C15" s="13">
        <v>1973</v>
      </c>
      <c r="D15" s="19">
        <v>1010</v>
      </c>
      <c r="E15" s="19">
        <v>963</v>
      </c>
      <c r="F15" s="19"/>
      <c r="G15" s="18" t="s">
        <v>28</v>
      </c>
      <c r="H15" s="17"/>
      <c r="I15" s="13">
        <v>2977</v>
      </c>
      <c r="J15" s="19">
        <v>1620</v>
      </c>
      <c r="K15" s="19">
        <v>1357</v>
      </c>
    </row>
    <row r="16" spans="1:11" ht="15" customHeight="1">
      <c r="A16" s="17" t="s">
        <v>29</v>
      </c>
      <c r="B16" s="17"/>
      <c r="C16" s="13">
        <v>1981</v>
      </c>
      <c r="D16" s="19">
        <v>1013</v>
      </c>
      <c r="E16" s="19">
        <v>968</v>
      </c>
      <c r="F16" s="19"/>
      <c r="G16" s="18" t="s">
        <v>30</v>
      </c>
      <c r="H16" s="17"/>
      <c r="I16" s="13">
        <v>2869</v>
      </c>
      <c r="J16" s="19">
        <v>1483</v>
      </c>
      <c r="K16" s="19">
        <v>1386</v>
      </c>
    </row>
    <row r="17" spans="1:11" ht="20.100000000000001" customHeight="1">
      <c r="A17" s="20" t="s">
        <v>31</v>
      </c>
      <c r="B17" s="20"/>
      <c r="C17" s="13">
        <v>9972</v>
      </c>
      <c r="D17" s="14">
        <v>5084</v>
      </c>
      <c r="E17" s="14">
        <v>4888</v>
      </c>
      <c r="F17" s="14"/>
      <c r="G17" s="18" t="s">
        <v>32</v>
      </c>
      <c r="H17" s="17"/>
      <c r="I17" s="13">
        <v>12475</v>
      </c>
      <c r="J17" s="14">
        <v>6426</v>
      </c>
      <c r="K17" s="14">
        <v>6049</v>
      </c>
    </row>
    <row r="18" spans="1:11" ht="15" customHeight="1">
      <c r="A18" s="17" t="s">
        <v>33</v>
      </c>
      <c r="B18" s="17"/>
      <c r="C18" s="13">
        <v>1952</v>
      </c>
      <c r="D18" s="19">
        <v>985</v>
      </c>
      <c r="E18" s="19">
        <v>967</v>
      </c>
      <c r="F18" s="19"/>
      <c r="G18" s="18" t="s">
        <v>34</v>
      </c>
      <c r="H18" s="17"/>
      <c r="I18" s="13">
        <v>2618</v>
      </c>
      <c r="J18" s="19">
        <v>1352</v>
      </c>
      <c r="K18" s="19">
        <v>1266</v>
      </c>
    </row>
    <row r="19" spans="1:11" ht="15" customHeight="1">
      <c r="A19" s="17" t="s">
        <v>35</v>
      </c>
      <c r="B19" s="17"/>
      <c r="C19" s="13">
        <v>1983</v>
      </c>
      <c r="D19" s="19">
        <v>984</v>
      </c>
      <c r="E19" s="19">
        <v>999</v>
      </c>
      <c r="F19" s="19"/>
      <c r="G19" s="18" t="s">
        <v>36</v>
      </c>
      <c r="H19" s="17"/>
      <c r="I19" s="13">
        <v>2614</v>
      </c>
      <c r="J19" s="19">
        <v>1333</v>
      </c>
      <c r="K19" s="19">
        <v>1281</v>
      </c>
    </row>
    <row r="20" spans="1:11" ht="15" customHeight="1">
      <c r="A20" s="17" t="s">
        <v>37</v>
      </c>
      <c r="B20" s="17"/>
      <c r="C20" s="13">
        <v>1987</v>
      </c>
      <c r="D20" s="19">
        <v>1028</v>
      </c>
      <c r="E20" s="19">
        <v>959</v>
      </c>
      <c r="F20" s="19"/>
      <c r="G20" s="18" t="s">
        <v>38</v>
      </c>
      <c r="H20" s="17"/>
      <c r="I20" s="13">
        <v>2510</v>
      </c>
      <c r="J20" s="19">
        <v>1315</v>
      </c>
      <c r="K20" s="19">
        <v>1195</v>
      </c>
    </row>
    <row r="21" spans="1:11" ht="15" customHeight="1">
      <c r="A21" s="17" t="s">
        <v>39</v>
      </c>
      <c r="B21" s="17"/>
      <c r="C21" s="13">
        <v>2096</v>
      </c>
      <c r="D21" s="19">
        <v>1081</v>
      </c>
      <c r="E21" s="19">
        <v>1015</v>
      </c>
      <c r="F21" s="19"/>
      <c r="G21" s="18" t="s">
        <v>40</v>
      </c>
      <c r="H21" s="17"/>
      <c r="I21" s="13">
        <v>2454</v>
      </c>
      <c r="J21" s="19">
        <v>1256</v>
      </c>
      <c r="K21" s="19">
        <v>1198</v>
      </c>
    </row>
    <row r="22" spans="1:11" ht="15" customHeight="1">
      <c r="A22" s="17" t="s">
        <v>41</v>
      </c>
      <c r="B22" s="17"/>
      <c r="C22" s="13">
        <v>1954</v>
      </c>
      <c r="D22" s="19">
        <v>1006</v>
      </c>
      <c r="E22" s="19">
        <v>948</v>
      </c>
      <c r="F22" s="19"/>
      <c r="G22" s="18" t="s">
        <v>42</v>
      </c>
      <c r="H22" s="17"/>
      <c r="I22" s="13">
        <v>2279</v>
      </c>
      <c r="J22" s="19">
        <v>1170</v>
      </c>
      <c r="K22" s="19">
        <v>1109</v>
      </c>
    </row>
    <row r="23" spans="1:11" ht="20.100000000000001" customHeight="1">
      <c r="A23" s="17" t="s">
        <v>43</v>
      </c>
      <c r="B23" s="17"/>
      <c r="C23" s="13">
        <v>9946</v>
      </c>
      <c r="D23" s="14">
        <v>5087</v>
      </c>
      <c r="E23" s="14">
        <v>4859</v>
      </c>
      <c r="F23" s="14"/>
      <c r="G23" s="18" t="s">
        <v>44</v>
      </c>
      <c r="H23" s="17"/>
      <c r="I23" s="13">
        <v>11674</v>
      </c>
      <c r="J23" s="14">
        <v>5852</v>
      </c>
      <c r="K23" s="14">
        <v>5822</v>
      </c>
    </row>
    <row r="24" spans="1:11" ht="15" customHeight="1">
      <c r="A24" s="17" t="s">
        <v>45</v>
      </c>
      <c r="B24" s="17"/>
      <c r="C24" s="13">
        <v>1951</v>
      </c>
      <c r="D24" s="19">
        <v>983</v>
      </c>
      <c r="E24" s="19">
        <v>968</v>
      </c>
      <c r="F24" s="19"/>
      <c r="G24" s="18" t="s">
        <v>46</v>
      </c>
      <c r="H24" s="17"/>
      <c r="I24" s="13">
        <v>2255</v>
      </c>
      <c r="J24" s="19">
        <v>1189</v>
      </c>
      <c r="K24" s="19">
        <v>1066</v>
      </c>
    </row>
    <row r="25" spans="1:11" ht="15" customHeight="1">
      <c r="A25" s="17" t="s">
        <v>47</v>
      </c>
      <c r="B25" s="17"/>
      <c r="C25" s="13">
        <v>1876</v>
      </c>
      <c r="D25" s="19">
        <v>977</v>
      </c>
      <c r="E25" s="19">
        <v>899</v>
      </c>
      <c r="F25" s="19"/>
      <c r="G25" s="18" t="s">
        <v>48</v>
      </c>
      <c r="H25" s="17"/>
      <c r="I25" s="13">
        <v>2313</v>
      </c>
      <c r="J25" s="19">
        <v>1152</v>
      </c>
      <c r="K25" s="19">
        <v>1161</v>
      </c>
    </row>
    <row r="26" spans="1:11" ht="15" customHeight="1">
      <c r="A26" s="17" t="s">
        <v>49</v>
      </c>
      <c r="B26" s="17"/>
      <c r="C26" s="13">
        <v>1955</v>
      </c>
      <c r="D26" s="19">
        <v>1036</v>
      </c>
      <c r="E26" s="19">
        <v>919</v>
      </c>
      <c r="F26" s="19"/>
      <c r="G26" s="18" t="s">
        <v>50</v>
      </c>
      <c r="H26" s="17"/>
      <c r="I26" s="13">
        <v>2301</v>
      </c>
      <c r="J26" s="19">
        <v>1166</v>
      </c>
      <c r="K26" s="19">
        <v>1135</v>
      </c>
    </row>
    <row r="27" spans="1:11" ht="15" customHeight="1">
      <c r="A27" s="17" t="s">
        <v>51</v>
      </c>
      <c r="B27" s="17"/>
      <c r="C27" s="13">
        <v>2019</v>
      </c>
      <c r="D27" s="19">
        <v>1033</v>
      </c>
      <c r="E27" s="19">
        <v>986</v>
      </c>
      <c r="F27" s="19"/>
      <c r="G27" s="18" t="s">
        <v>52</v>
      </c>
      <c r="H27" s="17"/>
      <c r="I27" s="13">
        <v>2302</v>
      </c>
      <c r="J27" s="19">
        <v>1126</v>
      </c>
      <c r="K27" s="19">
        <v>1176</v>
      </c>
    </row>
    <row r="28" spans="1:11" ht="15" customHeight="1">
      <c r="A28" s="17" t="s">
        <v>53</v>
      </c>
      <c r="B28" s="17"/>
      <c r="C28" s="13">
        <v>2145</v>
      </c>
      <c r="D28" s="19">
        <v>1058</v>
      </c>
      <c r="E28" s="19">
        <v>1087</v>
      </c>
      <c r="F28" s="19"/>
      <c r="G28" s="18" t="s">
        <v>54</v>
      </c>
      <c r="H28" s="17"/>
      <c r="I28" s="13">
        <v>2503</v>
      </c>
      <c r="J28" s="19">
        <v>1219</v>
      </c>
      <c r="K28" s="19">
        <v>1284</v>
      </c>
    </row>
    <row r="29" spans="1:11" ht="20.100000000000001" customHeight="1">
      <c r="A29" s="17" t="s">
        <v>55</v>
      </c>
      <c r="B29" s="17"/>
      <c r="C29" s="13">
        <v>12250</v>
      </c>
      <c r="D29" s="14">
        <v>6084</v>
      </c>
      <c r="E29" s="14">
        <v>6166</v>
      </c>
      <c r="F29" s="14"/>
      <c r="G29" s="18" t="s">
        <v>56</v>
      </c>
      <c r="H29" s="17"/>
      <c r="I29" s="13">
        <v>15318</v>
      </c>
      <c r="J29" s="14">
        <v>7072</v>
      </c>
      <c r="K29" s="14">
        <v>8246</v>
      </c>
    </row>
    <row r="30" spans="1:11" ht="15" customHeight="1">
      <c r="A30" s="17" t="s">
        <v>57</v>
      </c>
      <c r="B30" s="17"/>
      <c r="C30" s="13">
        <v>2121</v>
      </c>
      <c r="D30" s="19">
        <v>1016</v>
      </c>
      <c r="E30" s="19">
        <v>1105</v>
      </c>
      <c r="F30" s="19"/>
      <c r="G30" s="18" t="s">
        <v>58</v>
      </c>
      <c r="H30" s="17"/>
      <c r="I30" s="13">
        <v>2637</v>
      </c>
      <c r="J30" s="19">
        <v>1282</v>
      </c>
      <c r="K30" s="19">
        <v>1355</v>
      </c>
    </row>
    <row r="31" spans="1:11" ht="15" customHeight="1">
      <c r="A31" s="17" t="s">
        <v>59</v>
      </c>
      <c r="B31" s="17"/>
      <c r="C31" s="13">
        <v>2376</v>
      </c>
      <c r="D31" s="19">
        <v>1226</v>
      </c>
      <c r="E31" s="19">
        <v>1150</v>
      </c>
      <c r="F31" s="19"/>
      <c r="G31" s="18" t="s">
        <v>60</v>
      </c>
      <c r="H31" s="17"/>
      <c r="I31" s="13">
        <v>2918</v>
      </c>
      <c r="J31" s="19">
        <v>1363</v>
      </c>
      <c r="K31" s="19">
        <v>1555</v>
      </c>
    </row>
    <row r="32" spans="1:11" ht="15" customHeight="1">
      <c r="A32" s="17" t="s">
        <v>61</v>
      </c>
      <c r="B32" s="17"/>
      <c r="C32" s="13">
        <v>2450</v>
      </c>
      <c r="D32" s="19">
        <v>1155</v>
      </c>
      <c r="E32" s="19">
        <v>1295</v>
      </c>
      <c r="F32" s="19"/>
      <c r="G32" s="18" t="s">
        <v>62</v>
      </c>
      <c r="H32" s="17"/>
      <c r="I32" s="13">
        <v>3280</v>
      </c>
      <c r="J32" s="19">
        <v>1476</v>
      </c>
      <c r="K32" s="19">
        <v>1804</v>
      </c>
    </row>
    <row r="33" spans="1:11" ht="15" customHeight="1">
      <c r="A33" s="17" t="s">
        <v>63</v>
      </c>
      <c r="B33" s="17"/>
      <c r="C33" s="13">
        <v>2659</v>
      </c>
      <c r="D33" s="19">
        <v>1328</v>
      </c>
      <c r="E33" s="19">
        <v>1331</v>
      </c>
      <c r="F33" s="19"/>
      <c r="G33" s="18" t="s">
        <v>64</v>
      </c>
      <c r="H33" s="17"/>
      <c r="I33" s="13">
        <v>3207</v>
      </c>
      <c r="J33" s="19">
        <v>1487</v>
      </c>
      <c r="K33" s="19">
        <v>1720</v>
      </c>
    </row>
    <row r="34" spans="1:11" ht="15" customHeight="1">
      <c r="A34" s="17" t="s">
        <v>65</v>
      </c>
      <c r="B34" s="17"/>
      <c r="C34" s="13">
        <v>2644</v>
      </c>
      <c r="D34" s="19">
        <v>1359</v>
      </c>
      <c r="E34" s="19">
        <v>1285</v>
      </c>
      <c r="F34" s="19"/>
      <c r="G34" s="18" t="s">
        <v>66</v>
      </c>
      <c r="H34" s="17"/>
      <c r="I34" s="13">
        <v>3276</v>
      </c>
      <c r="J34" s="19">
        <v>1464</v>
      </c>
      <c r="K34" s="19">
        <v>1812</v>
      </c>
    </row>
    <row r="35" spans="1:11" ht="20.100000000000001" customHeight="1">
      <c r="A35" s="17" t="s">
        <v>67</v>
      </c>
      <c r="B35" s="17"/>
      <c r="C35" s="13">
        <v>13761</v>
      </c>
      <c r="D35" s="14">
        <v>6956</v>
      </c>
      <c r="E35" s="14">
        <v>6805</v>
      </c>
      <c r="F35" s="14"/>
      <c r="G35" s="18" t="s">
        <v>68</v>
      </c>
      <c r="H35" s="17"/>
      <c r="I35" s="13">
        <v>11914</v>
      </c>
      <c r="J35" s="14">
        <v>5223</v>
      </c>
      <c r="K35" s="14">
        <v>6691</v>
      </c>
    </row>
    <row r="36" spans="1:11" ht="15" customHeight="1">
      <c r="A36" s="17" t="s">
        <v>69</v>
      </c>
      <c r="B36" s="17"/>
      <c r="C36" s="13">
        <v>2726</v>
      </c>
      <c r="D36" s="19">
        <v>1405</v>
      </c>
      <c r="E36" s="19">
        <v>1321</v>
      </c>
      <c r="F36" s="19"/>
      <c r="G36" s="18" t="s">
        <v>70</v>
      </c>
      <c r="H36" s="17"/>
      <c r="I36" s="13">
        <v>2221</v>
      </c>
      <c r="J36" s="19">
        <v>1003</v>
      </c>
      <c r="K36" s="19">
        <v>1218</v>
      </c>
    </row>
    <row r="37" spans="1:11" ht="15" customHeight="1">
      <c r="A37" s="17" t="s">
        <v>71</v>
      </c>
      <c r="B37" s="17"/>
      <c r="C37" s="13">
        <v>2761</v>
      </c>
      <c r="D37" s="19">
        <v>1363</v>
      </c>
      <c r="E37" s="19">
        <v>1398</v>
      </c>
      <c r="F37" s="19"/>
      <c r="G37" s="18" t="s">
        <v>72</v>
      </c>
      <c r="H37" s="17"/>
      <c r="I37" s="13">
        <v>1967</v>
      </c>
      <c r="J37" s="19">
        <v>856</v>
      </c>
      <c r="K37" s="19">
        <v>1111</v>
      </c>
    </row>
    <row r="38" spans="1:11" ht="15" customHeight="1">
      <c r="A38" s="17" t="s">
        <v>73</v>
      </c>
      <c r="B38" s="17"/>
      <c r="C38" s="13">
        <v>2799</v>
      </c>
      <c r="D38" s="19">
        <v>1407</v>
      </c>
      <c r="E38" s="19">
        <v>1392</v>
      </c>
      <c r="F38" s="19"/>
      <c r="G38" s="18" t="s">
        <v>74</v>
      </c>
      <c r="H38" s="17"/>
      <c r="I38" s="13">
        <v>2485</v>
      </c>
      <c r="J38" s="19">
        <v>1071</v>
      </c>
      <c r="K38" s="19">
        <v>1414</v>
      </c>
    </row>
    <row r="39" spans="1:11" ht="15" customHeight="1">
      <c r="A39" s="17" t="s">
        <v>75</v>
      </c>
      <c r="B39" s="17"/>
      <c r="C39" s="13">
        <v>2794</v>
      </c>
      <c r="D39" s="19">
        <v>1379</v>
      </c>
      <c r="E39" s="19">
        <v>1415</v>
      </c>
      <c r="F39" s="19"/>
      <c r="G39" s="18" t="s">
        <v>76</v>
      </c>
      <c r="H39" s="17"/>
      <c r="I39" s="13">
        <v>2752</v>
      </c>
      <c r="J39" s="19">
        <v>1225</v>
      </c>
      <c r="K39" s="19">
        <v>1527</v>
      </c>
    </row>
    <row r="40" spans="1:11" ht="15" customHeight="1">
      <c r="A40" s="17" t="s">
        <v>77</v>
      </c>
      <c r="B40" s="17"/>
      <c r="C40" s="13">
        <v>2681</v>
      </c>
      <c r="D40" s="19">
        <v>1402</v>
      </c>
      <c r="E40" s="19">
        <v>1279</v>
      </c>
      <c r="F40" s="19"/>
      <c r="G40" s="18" t="s">
        <v>78</v>
      </c>
      <c r="H40" s="17"/>
      <c r="I40" s="13">
        <v>2489</v>
      </c>
      <c r="J40" s="19">
        <v>1068</v>
      </c>
      <c r="K40" s="19">
        <v>1421</v>
      </c>
    </row>
    <row r="41" spans="1:11" ht="20.100000000000001" customHeight="1">
      <c r="A41" s="17" t="s">
        <v>79</v>
      </c>
      <c r="B41" s="17"/>
      <c r="C41" s="13">
        <v>13868</v>
      </c>
      <c r="D41" s="14">
        <v>7196</v>
      </c>
      <c r="E41" s="14">
        <v>6672</v>
      </c>
      <c r="F41" s="14"/>
      <c r="G41" s="18" t="s">
        <v>80</v>
      </c>
      <c r="H41" s="17"/>
      <c r="I41" s="13">
        <v>9582</v>
      </c>
      <c r="J41" s="14">
        <v>4230</v>
      </c>
      <c r="K41" s="14">
        <v>5352</v>
      </c>
    </row>
    <row r="42" spans="1:11" ht="15" customHeight="1">
      <c r="A42" s="17" t="s">
        <v>81</v>
      </c>
      <c r="B42" s="17"/>
      <c r="C42" s="13">
        <v>2729</v>
      </c>
      <c r="D42" s="19">
        <v>1429</v>
      </c>
      <c r="E42" s="19">
        <v>1300</v>
      </c>
      <c r="F42" s="19"/>
      <c r="G42" s="18" t="s">
        <v>82</v>
      </c>
      <c r="H42" s="17"/>
      <c r="I42" s="13">
        <v>2444</v>
      </c>
      <c r="J42" s="19">
        <v>1050</v>
      </c>
      <c r="K42" s="19">
        <v>1394</v>
      </c>
    </row>
    <row r="43" spans="1:11" ht="15" customHeight="1">
      <c r="A43" s="17" t="s">
        <v>83</v>
      </c>
      <c r="B43" s="17"/>
      <c r="C43" s="13">
        <v>2698</v>
      </c>
      <c r="D43" s="19">
        <v>1386</v>
      </c>
      <c r="E43" s="19">
        <v>1312</v>
      </c>
      <c r="F43" s="19"/>
      <c r="G43" s="18" t="s">
        <v>84</v>
      </c>
      <c r="H43" s="17"/>
      <c r="I43" s="13">
        <v>2215</v>
      </c>
      <c r="J43" s="19">
        <v>998</v>
      </c>
      <c r="K43" s="19">
        <v>1217</v>
      </c>
    </row>
    <row r="44" spans="1:11" ht="15" customHeight="1">
      <c r="A44" s="17" t="s">
        <v>85</v>
      </c>
      <c r="B44" s="17"/>
      <c r="C44" s="13">
        <v>2718</v>
      </c>
      <c r="D44" s="19">
        <v>1379</v>
      </c>
      <c r="E44" s="19">
        <v>1339</v>
      </c>
      <c r="F44" s="19"/>
      <c r="G44" s="18" t="s">
        <v>86</v>
      </c>
      <c r="H44" s="17"/>
      <c r="I44" s="13">
        <v>1728</v>
      </c>
      <c r="J44" s="19">
        <v>769</v>
      </c>
      <c r="K44" s="19">
        <v>959</v>
      </c>
    </row>
    <row r="45" spans="1:11" ht="15" customHeight="1">
      <c r="A45" s="17" t="s">
        <v>87</v>
      </c>
      <c r="B45" s="17"/>
      <c r="C45" s="13">
        <v>2898</v>
      </c>
      <c r="D45" s="19">
        <v>1502</v>
      </c>
      <c r="E45" s="19">
        <v>1396</v>
      </c>
      <c r="F45" s="19"/>
      <c r="G45" s="18" t="s">
        <v>88</v>
      </c>
      <c r="H45" s="17"/>
      <c r="I45" s="13">
        <v>1605</v>
      </c>
      <c r="J45" s="19">
        <v>725</v>
      </c>
      <c r="K45" s="19">
        <v>880</v>
      </c>
    </row>
    <row r="46" spans="1:11" ht="15" customHeight="1">
      <c r="A46" s="17" t="s">
        <v>89</v>
      </c>
      <c r="B46" s="17"/>
      <c r="C46" s="13">
        <v>2825</v>
      </c>
      <c r="D46" s="19">
        <v>1500</v>
      </c>
      <c r="E46" s="19">
        <v>1325</v>
      </c>
      <c r="F46" s="19"/>
      <c r="G46" s="18" t="s">
        <v>90</v>
      </c>
      <c r="H46" s="17"/>
      <c r="I46" s="13">
        <v>1590</v>
      </c>
      <c r="J46" s="19">
        <v>688</v>
      </c>
      <c r="K46" s="19">
        <v>902</v>
      </c>
    </row>
    <row r="47" spans="1:11" ht="20.100000000000001" customHeight="1">
      <c r="A47" s="17" t="s">
        <v>91</v>
      </c>
      <c r="B47" s="17"/>
      <c r="C47" s="13">
        <v>14807</v>
      </c>
      <c r="D47" s="14">
        <v>7615</v>
      </c>
      <c r="E47" s="14">
        <v>7192</v>
      </c>
      <c r="F47" s="14"/>
      <c r="G47" s="18" t="s">
        <v>92</v>
      </c>
      <c r="H47" s="17"/>
      <c r="I47" s="13">
        <v>5527</v>
      </c>
      <c r="J47" s="14">
        <v>2082</v>
      </c>
      <c r="K47" s="14">
        <v>3445</v>
      </c>
    </row>
    <row r="48" spans="1:11" ht="15" customHeight="1">
      <c r="A48" s="17" t="s">
        <v>93</v>
      </c>
      <c r="B48" s="17"/>
      <c r="C48" s="13">
        <v>2860</v>
      </c>
      <c r="D48" s="19">
        <v>1408</v>
      </c>
      <c r="E48" s="19">
        <v>1452</v>
      </c>
      <c r="F48" s="19"/>
      <c r="G48" s="18" t="s">
        <v>94</v>
      </c>
      <c r="H48" s="17"/>
      <c r="I48" s="13">
        <v>1398</v>
      </c>
      <c r="J48" s="19">
        <v>592</v>
      </c>
      <c r="K48" s="19">
        <v>806</v>
      </c>
    </row>
    <row r="49" spans="1:11" ht="15" customHeight="1">
      <c r="A49" s="17" t="s">
        <v>95</v>
      </c>
      <c r="B49" s="17"/>
      <c r="C49" s="13">
        <v>2912</v>
      </c>
      <c r="D49" s="19">
        <v>1547</v>
      </c>
      <c r="E49" s="19">
        <v>1365</v>
      </c>
      <c r="F49" s="19"/>
      <c r="G49" s="18" t="s">
        <v>96</v>
      </c>
      <c r="H49" s="17"/>
      <c r="I49" s="13">
        <v>1317</v>
      </c>
      <c r="J49" s="19">
        <v>528</v>
      </c>
      <c r="K49" s="19">
        <v>789</v>
      </c>
    </row>
    <row r="50" spans="1:11" ht="15" customHeight="1">
      <c r="A50" s="17" t="s">
        <v>97</v>
      </c>
      <c r="B50" s="17"/>
      <c r="C50" s="13">
        <v>2980</v>
      </c>
      <c r="D50" s="19">
        <v>1521</v>
      </c>
      <c r="E50" s="19">
        <v>1459</v>
      </c>
      <c r="F50" s="19"/>
      <c r="G50" s="18" t="s">
        <v>98</v>
      </c>
      <c r="H50" s="17"/>
      <c r="I50" s="13">
        <v>1072</v>
      </c>
      <c r="J50" s="19">
        <v>365</v>
      </c>
      <c r="K50" s="19">
        <v>707</v>
      </c>
    </row>
    <row r="51" spans="1:11" ht="15" customHeight="1">
      <c r="A51" s="17" t="s">
        <v>99</v>
      </c>
      <c r="B51" s="17"/>
      <c r="C51" s="13">
        <v>3061</v>
      </c>
      <c r="D51" s="19">
        <v>1567</v>
      </c>
      <c r="E51" s="19">
        <v>1494</v>
      </c>
      <c r="F51" s="19"/>
      <c r="G51" s="18" t="s">
        <v>100</v>
      </c>
      <c r="H51" s="17"/>
      <c r="I51" s="13">
        <v>945</v>
      </c>
      <c r="J51" s="19">
        <v>336</v>
      </c>
      <c r="K51" s="19">
        <v>609</v>
      </c>
    </row>
    <row r="52" spans="1:11" ht="15" customHeight="1">
      <c r="A52" s="17" t="s">
        <v>101</v>
      </c>
      <c r="B52" s="17"/>
      <c r="C52" s="13">
        <v>2994</v>
      </c>
      <c r="D52" s="19">
        <v>1572</v>
      </c>
      <c r="E52" s="19">
        <v>1422</v>
      </c>
      <c r="F52" s="19"/>
      <c r="G52" s="18" t="s">
        <v>102</v>
      </c>
      <c r="H52" s="17"/>
      <c r="I52" s="13">
        <v>795</v>
      </c>
      <c r="J52" s="19">
        <v>261</v>
      </c>
      <c r="K52" s="19">
        <v>534</v>
      </c>
    </row>
    <row r="53" spans="1:11" ht="20.100000000000001" customHeight="1">
      <c r="A53" s="17" t="s">
        <v>103</v>
      </c>
      <c r="B53" s="17"/>
      <c r="C53" s="13">
        <v>16361</v>
      </c>
      <c r="D53" s="14">
        <v>8440</v>
      </c>
      <c r="E53" s="14">
        <v>7921</v>
      </c>
      <c r="F53" s="14"/>
      <c r="G53" s="18" t="s">
        <v>104</v>
      </c>
      <c r="H53" s="17"/>
      <c r="I53" s="13">
        <v>2330</v>
      </c>
      <c r="J53" s="14">
        <v>718</v>
      </c>
      <c r="K53" s="14">
        <v>1612</v>
      </c>
    </row>
    <row r="54" spans="1:11" ht="15" customHeight="1">
      <c r="A54" s="17" t="s">
        <v>105</v>
      </c>
      <c r="B54" s="17"/>
      <c r="C54" s="13">
        <v>3063</v>
      </c>
      <c r="D54" s="19">
        <v>1577</v>
      </c>
      <c r="E54" s="19">
        <v>1486</v>
      </c>
      <c r="F54" s="19"/>
      <c r="G54" s="18" t="s">
        <v>106</v>
      </c>
      <c r="H54" s="17"/>
      <c r="I54" s="13">
        <v>656</v>
      </c>
      <c r="J54" s="19">
        <v>209</v>
      </c>
      <c r="K54" s="19">
        <v>447</v>
      </c>
    </row>
    <row r="55" spans="1:11" ht="15" customHeight="1">
      <c r="A55" s="17" t="s">
        <v>107</v>
      </c>
      <c r="B55" s="17"/>
      <c r="C55" s="13">
        <v>3155</v>
      </c>
      <c r="D55" s="19">
        <v>1615</v>
      </c>
      <c r="E55" s="19">
        <v>1540</v>
      </c>
      <c r="F55" s="19"/>
      <c r="G55" s="18" t="s">
        <v>108</v>
      </c>
      <c r="H55" s="17"/>
      <c r="I55" s="13">
        <v>542</v>
      </c>
      <c r="J55" s="19">
        <v>189</v>
      </c>
      <c r="K55" s="19">
        <v>353</v>
      </c>
    </row>
    <row r="56" spans="1:11" ht="15" customHeight="1">
      <c r="A56" s="17" t="s">
        <v>109</v>
      </c>
      <c r="B56" s="17"/>
      <c r="C56" s="13">
        <v>3252</v>
      </c>
      <c r="D56" s="19">
        <v>1682</v>
      </c>
      <c r="E56" s="19">
        <v>1570</v>
      </c>
      <c r="F56" s="19"/>
      <c r="G56" s="18" t="s">
        <v>110</v>
      </c>
      <c r="H56" s="17"/>
      <c r="I56" s="13">
        <v>455</v>
      </c>
      <c r="J56" s="19">
        <v>139</v>
      </c>
      <c r="K56" s="19">
        <v>316</v>
      </c>
    </row>
    <row r="57" spans="1:11" ht="15" customHeight="1">
      <c r="A57" s="17" t="s">
        <v>111</v>
      </c>
      <c r="B57" s="17"/>
      <c r="C57" s="13">
        <v>3410</v>
      </c>
      <c r="D57" s="19">
        <v>1779</v>
      </c>
      <c r="E57" s="19">
        <v>1631</v>
      </c>
      <c r="F57" s="19"/>
      <c r="G57" s="18" t="s">
        <v>112</v>
      </c>
      <c r="H57" s="17"/>
      <c r="I57" s="13">
        <v>412</v>
      </c>
      <c r="J57" s="19">
        <v>98</v>
      </c>
      <c r="K57" s="19">
        <v>314</v>
      </c>
    </row>
    <row r="58" spans="1:11" ht="15" customHeight="1">
      <c r="A58" s="17" t="s">
        <v>113</v>
      </c>
      <c r="B58" s="17"/>
      <c r="C58" s="13">
        <v>3481</v>
      </c>
      <c r="D58" s="19">
        <v>1787</v>
      </c>
      <c r="E58" s="19">
        <v>1694</v>
      </c>
      <c r="F58" s="19"/>
      <c r="G58" s="18" t="s">
        <v>114</v>
      </c>
      <c r="H58" s="17"/>
      <c r="I58" s="13">
        <v>265</v>
      </c>
      <c r="J58" s="19">
        <v>83</v>
      </c>
      <c r="K58" s="19">
        <v>182</v>
      </c>
    </row>
    <row r="59" spans="1:11" ht="20.100000000000001" customHeight="1">
      <c r="A59" s="17" t="s">
        <v>115</v>
      </c>
      <c r="B59" s="17"/>
      <c r="C59" s="13">
        <v>19756</v>
      </c>
      <c r="D59" s="14">
        <v>10201</v>
      </c>
      <c r="E59" s="14">
        <v>9555</v>
      </c>
      <c r="F59" s="14"/>
      <c r="G59" s="18" t="s">
        <v>116</v>
      </c>
      <c r="H59" s="17"/>
      <c r="I59" s="13">
        <v>628</v>
      </c>
      <c r="J59" s="14">
        <v>150</v>
      </c>
      <c r="K59" s="14">
        <v>478</v>
      </c>
    </row>
    <row r="60" spans="1:11" ht="15" customHeight="1">
      <c r="A60" s="17" t="s">
        <v>117</v>
      </c>
      <c r="B60" s="17"/>
      <c r="C60" s="13">
        <v>3594</v>
      </c>
      <c r="D60" s="19">
        <v>1877</v>
      </c>
      <c r="E60" s="19">
        <v>1717</v>
      </c>
      <c r="F60" s="19"/>
      <c r="G60" s="18" t="s">
        <v>118</v>
      </c>
      <c r="H60" s="17"/>
      <c r="I60" s="13">
        <v>221</v>
      </c>
      <c r="J60" s="19">
        <v>60</v>
      </c>
      <c r="K60" s="19">
        <v>161</v>
      </c>
    </row>
    <row r="61" spans="1:11" ht="15" customHeight="1">
      <c r="A61" s="17" t="s">
        <v>119</v>
      </c>
      <c r="B61" s="17"/>
      <c r="C61" s="13">
        <v>3762</v>
      </c>
      <c r="D61" s="19">
        <v>1978</v>
      </c>
      <c r="E61" s="19">
        <v>1784</v>
      </c>
      <c r="F61" s="19"/>
      <c r="G61" s="18" t="s">
        <v>120</v>
      </c>
      <c r="H61" s="17"/>
      <c r="I61" s="13">
        <v>140</v>
      </c>
      <c r="J61" s="19">
        <v>38</v>
      </c>
      <c r="K61" s="19">
        <v>102</v>
      </c>
    </row>
    <row r="62" spans="1:11" ht="15" customHeight="1">
      <c r="A62" s="17" t="s">
        <v>121</v>
      </c>
      <c r="B62" s="17"/>
      <c r="C62" s="13">
        <v>4070</v>
      </c>
      <c r="D62" s="19">
        <v>2102</v>
      </c>
      <c r="E62" s="19">
        <v>1968</v>
      </c>
      <c r="F62" s="19"/>
      <c r="G62" s="18" t="s">
        <v>122</v>
      </c>
      <c r="H62" s="17"/>
      <c r="I62" s="13">
        <v>123</v>
      </c>
      <c r="J62" s="19">
        <v>29</v>
      </c>
      <c r="K62" s="19">
        <v>94</v>
      </c>
    </row>
    <row r="63" spans="1:11" ht="15" customHeight="1">
      <c r="A63" s="17" t="s">
        <v>123</v>
      </c>
      <c r="B63" s="17"/>
      <c r="C63" s="13">
        <v>4176</v>
      </c>
      <c r="D63" s="19">
        <v>2116</v>
      </c>
      <c r="E63" s="19">
        <v>2060</v>
      </c>
      <c r="F63" s="19"/>
      <c r="G63" s="18" t="s">
        <v>124</v>
      </c>
      <c r="H63" s="17"/>
      <c r="I63" s="13">
        <v>79</v>
      </c>
      <c r="J63" s="19">
        <v>13</v>
      </c>
      <c r="K63" s="19">
        <v>66</v>
      </c>
    </row>
    <row r="64" spans="1:11" ht="15" customHeight="1">
      <c r="A64" s="17" t="s">
        <v>125</v>
      </c>
      <c r="B64" s="17"/>
      <c r="C64" s="13">
        <v>4154</v>
      </c>
      <c r="D64" s="19">
        <v>2128</v>
      </c>
      <c r="E64" s="19">
        <v>2026</v>
      </c>
      <c r="F64" s="19"/>
      <c r="G64" s="18" t="s">
        <v>126</v>
      </c>
      <c r="H64" s="17"/>
      <c r="I64" s="13">
        <v>65</v>
      </c>
      <c r="J64" s="19">
        <v>10</v>
      </c>
      <c r="K64" s="19">
        <v>55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05</v>
      </c>
      <c r="J65" s="19">
        <v>7</v>
      </c>
      <c r="K65" s="19">
        <v>98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6834</v>
      </c>
      <c r="J66" s="27">
        <v>4011</v>
      </c>
      <c r="K66" s="27">
        <v>2823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38" t="s">
        <v>176</v>
      </c>
      <c r="B2" s="38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37523</v>
      </c>
      <c r="D4" s="14">
        <v>69092</v>
      </c>
      <c r="E4" s="14">
        <v>68431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518</v>
      </c>
      <c r="D5" s="14">
        <v>2850</v>
      </c>
      <c r="E5" s="14">
        <v>2668</v>
      </c>
      <c r="F5" s="14"/>
      <c r="G5" s="18" t="s">
        <v>8</v>
      </c>
      <c r="H5" s="17"/>
      <c r="I5" s="13">
        <v>11057</v>
      </c>
      <c r="J5" s="14">
        <v>5712</v>
      </c>
      <c r="K5" s="14">
        <v>5345</v>
      </c>
    </row>
    <row r="6" spans="1:11" ht="15" customHeight="1">
      <c r="A6" s="17" t="s">
        <v>9</v>
      </c>
      <c r="B6" s="17"/>
      <c r="C6" s="13">
        <v>1017</v>
      </c>
      <c r="D6" s="19">
        <v>504</v>
      </c>
      <c r="E6" s="19">
        <v>513</v>
      </c>
      <c r="F6" s="19"/>
      <c r="G6" s="18" t="s">
        <v>10</v>
      </c>
      <c r="H6" s="17"/>
      <c r="I6" s="13">
        <v>2432</v>
      </c>
      <c r="J6" s="19">
        <v>1230</v>
      </c>
      <c r="K6" s="19">
        <v>1202</v>
      </c>
    </row>
    <row r="7" spans="1:11" ht="15" customHeight="1">
      <c r="A7" s="17" t="s">
        <v>11</v>
      </c>
      <c r="B7" s="17"/>
      <c r="C7" s="13">
        <v>1096</v>
      </c>
      <c r="D7" s="19">
        <v>575</v>
      </c>
      <c r="E7" s="19">
        <v>521</v>
      </c>
      <c r="F7" s="19"/>
      <c r="G7" s="18" t="s">
        <v>12</v>
      </c>
      <c r="H7" s="17"/>
      <c r="I7" s="13">
        <v>2188</v>
      </c>
      <c r="J7" s="19">
        <v>1121</v>
      </c>
      <c r="K7" s="19">
        <v>1067</v>
      </c>
    </row>
    <row r="8" spans="1:11" ht="15" customHeight="1">
      <c r="A8" s="17" t="s">
        <v>13</v>
      </c>
      <c r="B8" s="17"/>
      <c r="C8" s="13">
        <v>1131</v>
      </c>
      <c r="D8" s="19">
        <v>586</v>
      </c>
      <c r="E8" s="19">
        <v>545</v>
      </c>
      <c r="F8" s="19"/>
      <c r="G8" s="18" t="s">
        <v>14</v>
      </c>
      <c r="H8" s="17"/>
      <c r="I8" s="13">
        <v>2212</v>
      </c>
      <c r="J8" s="19">
        <v>1183</v>
      </c>
      <c r="K8" s="19">
        <v>1029</v>
      </c>
    </row>
    <row r="9" spans="1:11" ht="15" customHeight="1">
      <c r="A9" s="17" t="s">
        <v>15</v>
      </c>
      <c r="B9" s="17"/>
      <c r="C9" s="13">
        <v>1173</v>
      </c>
      <c r="D9" s="19">
        <v>638</v>
      </c>
      <c r="E9" s="19">
        <v>535</v>
      </c>
      <c r="F9" s="19"/>
      <c r="G9" s="18" t="s">
        <v>16</v>
      </c>
      <c r="H9" s="17"/>
      <c r="I9" s="13">
        <v>2146</v>
      </c>
      <c r="J9" s="19">
        <v>1131</v>
      </c>
      <c r="K9" s="19">
        <v>1015</v>
      </c>
    </row>
    <row r="10" spans="1:11" ht="15" customHeight="1">
      <c r="A10" s="17" t="s">
        <v>17</v>
      </c>
      <c r="B10" s="17"/>
      <c r="C10" s="13">
        <v>1101</v>
      </c>
      <c r="D10" s="19">
        <v>547</v>
      </c>
      <c r="E10" s="19">
        <v>554</v>
      </c>
      <c r="F10" s="19"/>
      <c r="G10" s="18" t="s">
        <v>18</v>
      </c>
      <c r="H10" s="17"/>
      <c r="I10" s="13">
        <v>2079</v>
      </c>
      <c r="J10" s="19">
        <v>1047</v>
      </c>
      <c r="K10" s="19">
        <v>1032</v>
      </c>
    </row>
    <row r="11" spans="1:11" ht="20.100000000000001" customHeight="1">
      <c r="A11" s="17" t="s">
        <v>19</v>
      </c>
      <c r="B11" s="17"/>
      <c r="C11" s="13">
        <v>5833</v>
      </c>
      <c r="D11" s="14">
        <v>2997</v>
      </c>
      <c r="E11" s="14">
        <v>2836</v>
      </c>
      <c r="F11" s="14"/>
      <c r="G11" s="18" t="s">
        <v>20</v>
      </c>
      <c r="H11" s="17"/>
      <c r="I11" s="13">
        <v>8327</v>
      </c>
      <c r="J11" s="14">
        <v>4352</v>
      </c>
      <c r="K11" s="14">
        <v>3975</v>
      </c>
    </row>
    <row r="12" spans="1:11" ht="15" customHeight="1">
      <c r="A12" s="17" t="s">
        <v>21</v>
      </c>
      <c r="B12" s="17"/>
      <c r="C12" s="13">
        <v>1153</v>
      </c>
      <c r="D12" s="19">
        <v>592</v>
      </c>
      <c r="E12" s="19">
        <v>561</v>
      </c>
      <c r="F12" s="19"/>
      <c r="G12" s="18" t="s">
        <v>22</v>
      </c>
      <c r="H12" s="17"/>
      <c r="I12" s="13">
        <v>1544</v>
      </c>
      <c r="J12" s="19">
        <v>830</v>
      </c>
      <c r="K12" s="19">
        <v>714</v>
      </c>
    </row>
    <row r="13" spans="1:11" ht="15" customHeight="1">
      <c r="A13" s="17" t="s">
        <v>23</v>
      </c>
      <c r="B13" s="17"/>
      <c r="C13" s="13">
        <v>1157</v>
      </c>
      <c r="D13" s="19">
        <v>590</v>
      </c>
      <c r="E13" s="19">
        <v>567</v>
      </c>
      <c r="F13" s="19"/>
      <c r="G13" s="18" t="s">
        <v>24</v>
      </c>
      <c r="H13" s="17"/>
      <c r="I13" s="13">
        <v>1937</v>
      </c>
      <c r="J13" s="19">
        <v>1021</v>
      </c>
      <c r="K13" s="19">
        <v>916</v>
      </c>
    </row>
    <row r="14" spans="1:11" ht="15" customHeight="1">
      <c r="A14" s="17" t="s">
        <v>25</v>
      </c>
      <c r="B14" s="17"/>
      <c r="C14" s="13">
        <v>1177</v>
      </c>
      <c r="D14" s="19">
        <v>585</v>
      </c>
      <c r="E14" s="19">
        <v>592</v>
      </c>
      <c r="F14" s="19"/>
      <c r="G14" s="18" t="s">
        <v>26</v>
      </c>
      <c r="H14" s="17"/>
      <c r="I14" s="13">
        <v>1679</v>
      </c>
      <c r="J14" s="19">
        <v>863</v>
      </c>
      <c r="K14" s="19">
        <v>816</v>
      </c>
    </row>
    <row r="15" spans="1:11" ht="15" customHeight="1">
      <c r="A15" s="17" t="s">
        <v>27</v>
      </c>
      <c r="B15" s="17"/>
      <c r="C15" s="13">
        <v>1178</v>
      </c>
      <c r="D15" s="19">
        <v>599</v>
      </c>
      <c r="E15" s="19">
        <v>579</v>
      </c>
      <c r="F15" s="19"/>
      <c r="G15" s="18" t="s">
        <v>28</v>
      </c>
      <c r="H15" s="17"/>
      <c r="I15" s="13">
        <v>1657</v>
      </c>
      <c r="J15" s="19">
        <v>864</v>
      </c>
      <c r="K15" s="19">
        <v>793</v>
      </c>
    </row>
    <row r="16" spans="1:11" ht="15" customHeight="1">
      <c r="A16" s="17" t="s">
        <v>29</v>
      </c>
      <c r="B16" s="17"/>
      <c r="C16" s="13">
        <v>1168</v>
      </c>
      <c r="D16" s="19">
        <v>631</v>
      </c>
      <c r="E16" s="19">
        <v>537</v>
      </c>
      <c r="F16" s="19"/>
      <c r="G16" s="18" t="s">
        <v>30</v>
      </c>
      <c r="H16" s="17"/>
      <c r="I16" s="13">
        <v>1510</v>
      </c>
      <c r="J16" s="19">
        <v>774</v>
      </c>
      <c r="K16" s="19">
        <v>736</v>
      </c>
    </row>
    <row r="17" spans="1:11" ht="20.100000000000001" customHeight="1">
      <c r="A17" s="20" t="s">
        <v>31</v>
      </c>
      <c r="B17" s="20"/>
      <c r="C17" s="13">
        <v>6080</v>
      </c>
      <c r="D17" s="14">
        <v>3099</v>
      </c>
      <c r="E17" s="14">
        <v>2981</v>
      </c>
      <c r="F17" s="14"/>
      <c r="G17" s="18" t="s">
        <v>32</v>
      </c>
      <c r="H17" s="17"/>
      <c r="I17" s="13">
        <v>6876</v>
      </c>
      <c r="J17" s="14">
        <v>3488</v>
      </c>
      <c r="K17" s="14">
        <v>3388</v>
      </c>
    </row>
    <row r="18" spans="1:11" ht="15" customHeight="1">
      <c r="A18" s="17" t="s">
        <v>33</v>
      </c>
      <c r="B18" s="17"/>
      <c r="C18" s="13">
        <v>1202</v>
      </c>
      <c r="D18" s="19">
        <v>606</v>
      </c>
      <c r="E18" s="19">
        <v>596</v>
      </c>
      <c r="F18" s="19"/>
      <c r="G18" s="18" t="s">
        <v>34</v>
      </c>
      <c r="H18" s="17"/>
      <c r="I18" s="13">
        <v>1430</v>
      </c>
      <c r="J18" s="19">
        <v>768</v>
      </c>
      <c r="K18" s="19">
        <v>662</v>
      </c>
    </row>
    <row r="19" spans="1:11" ht="15" customHeight="1">
      <c r="A19" s="17" t="s">
        <v>35</v>
      </c>
      <c r="B19" s="17"/>
      <c r="C19" s="13">
        <v>1219</v>
      </c>
      <c r="D19" s="19">
        <v>645</v>
      </c>
      <c r="E19" s="19">
        <v>574</v>
      </c>
      <c r="F19" s="19"/>
      <c r="G19" s="18" t="s">
        <v>36</v>
      </c>
      <c r="H19" s="17"/>
      <c r="I19" s="13">
        <v>1424</v>
      </c>
      <c r="J19" s="19">
        <v>709</v>
      </c>
      <c r="K19" s="19">
        <v>715</v>
      </c>
    </row>
    <row r="20" spans="1:11" ht="15" customHeight="1">
      <c r="A20" s="17" t="s">
        <v>37</v>
      </c>
      <c r="B20" s="17"/>
      <c r="C20" s="13">
        <v>1214</v>
      </c>
      <c r="D20" s="19">
        <v>635</v>
      </c>
      <c r="E20" s="19">
        <v>579</v>
      </c>
      <c r="F20" s="19"/>
      <c r="G20" s="18" t="s">
        <v>38</v>
      </c>
      <c r="H20" s="17"/>
      <c r="I20" s="13">
        <v>1409</v>
      </c>
      <c r="J20" s="19">
        <v>706</v>
      </c>
      <c r="K20" s="19">
        <v>703</v>
      </c>
    </row>
    <row r="21" spans="1:11" ht="15" customHeight="1">
      <c r="A21" s="17" t="s">
        <v>39</v>
      </c>
      <c r="B21" s="17"/>
      <c r="C21" s="13">
        <v>1230</v>
      </c>
      <c r="D21" s="19">
        <v>605</v>
      </c>
      <c r="E21" s="19">
        <v>625</v>
      </c>
      <c r="F21" s="19"/>
      <c r="G21" s="18" t="s">
        <v>40</v>
      </c>
      <c r="H21" s="17"/>
      <c r="I21" s="13">
        <v>1349</v>
      </c>
      <c r="J21" s="19">
        <v>676</v>
      </c>
      <c r="K21" s="19">
        <v>673</v>
      </c>
    </row>
    <row r="22" spans="1:11" ht="15" customHeight="1">
      <c r="A22" s="17" t="s">
        <v>41</v>
      </c>
      <c r="B22" s="17"/>
      <c r="C22" s="13">
        <v>1215</v>
      </c>
      <c r="D22" s="19">
        <v>608</v>
      </c>
      <c r="E22" s="19">
        <v>607</v>
      </c>
      <c r="F22" s="19"/>
      <c r="G22" s="18" t="s">
        <v>42</v>
      </c>
      <c r="H22" s="17"/>
      <c r="I22" s="13">
        <v>1264</v>
      </c>
      <c r="J22" s="19">
        <v>629</v>
      </c>
      <c r="K22" s="19">
        <v>635</v>
      </c>
    </row>
    <row r="23" spans="1:11" ht="20.100000000000001" customHeight="1">
      <c r="A23" s="17" t="s">
        <v>43</v>
      </c>
      <c r="B23" s="17"/>
      <c r="C23" s="13">
        <v>6391</v>
      </c>
      <c r="D23" s="14">
        <v>3293</v>
      </c>
      <c r="E23" s="14">
        <v>3098</v>
      </c>
      <c r="F23" s="14"/>
      <c r="G23" s="18" t="s">
        <v>44</v>
      </c>
      <c r="H23" s="17"/>
      <c r="I23" s="13">
        <v>7126</v>
      </c>
      <c r="J23" s="14">
        <v>3458</v>
      </c>
      <c r="K23" s="14">
        <v>3668</v>
      </c>
    </row>
    <row r="24" spans="1:11" ht="15" customHeight="1">
      <c r="A24" s="17" t="s">
        <v>45</v>
      </c>
      <c r="B24" s="17"/>
      <c r="C24" s="13">
        <v>1257</v>
      </c>
      <c r="D24" s="19">
        <v>647</v>
      </c>
      <c r="E24" s="19">
        <v>610</v>
      </c>
      <c r="F24" s="19"/>
      <c r="G24" s="18" t="s">
        <v>46</v>
      </c>
      <c r="H24" s="17"/>
      <c r="I24" s="13">
        <v>1289</v>
      </c>
      <c r="J24" s="19">
        <v>617</v>
      </c>
      <c r="K24" s="19">
        <v>672</v>
      </c>
    </row>
    <row r="25" spans="1:11" ht="15" customHeight="1">
      <c r="A25" s="17" t="s">
        <v>47</v>
      </c>
      <c r="B25" s="17"/>
      <c r="C25" s="13">
        <v>1273</v>
      </c>
      <c r="D25" s="19">
        <v>667</v>
      </c>
      <c r="E25" s="19">
        <v>606</v>
      </c>
      <c r="F25" s="19"/>
      <c r="G25" s="18" t="s">
        <v>48</v>
      </c>
      <c r="H25" s="17"/>
      <c r="I25" s="13">
        <v>1388</v>
      </c>
      <c r="J25" s="19">
        <v>679</v>
      </c>
      <c r="K25" s="19">
        <v>709</v>
      </c>
    </row>
    <row r="26" spans="1:11" ht="15" customHeight="1">
      <c r="A26" s="17" t="s">
        <v>49</v>
      </c>
      <c r="B26" s="17"/>
      <c r="C26" s="13">
        <v>1279</v>
      </c>
      <c r="D26" s="19">
        <v>646</v>
      </c>
      <c r="E26" s="19">
        <v>633</v>
      </c>
      <c r="F26" s="19"/>
      <c r="G26" s="18" t="s">
        <v>50</v>
      </c>
      <c r="H26" s="17"/>
      <c r="I26" s="13">
        <v>1411</v>
      </c>
      <c r="J26" s="19">
        <v>685</v>
      </c>
      <c r="K26" s="19">
        <v>726</v>
      </c>
    </row>
    <row r="27" spans="1:11" ht="15" customHeight="1">
      <c r="A27" s="17" t="s">
        <v>51</v>
      </c>
      <c r="B27" s="17"/>
      <c r="C27" s="13">
        <v>1265</v>
      </c>
      <c r="D27" s="19">
        <v>684</v>
      </c>
      <c r="E27" s="19">
        <v>581</v>
      </c>
      <c r="F27" s="19"/>
      <c r="G27" s="18" t="s">
        <v>52</v>
      </c>
      <c r="H27" s="17"/>
      <c r="I27" s="13">
        <v>1420</v>
      </c>
      <c r="J27" s="19">
        <v>723</v>
      </c>
      <c r="K27" s="19">
        <v>697</v>
      </c>
    </row>
    <row r="28" spans="1:11" ht="15" customHeight="1">
      <c r="A28" s="17" t="s">
        <v>53</v>
      </c>
      <c r="B28" s="17"/>
      <c r="C28" s="13">
        <v>1317</v>
      </c>
      <c r="D28" s="19">
        <v>649</v>
      </c>
      <c r="E28" s="19">
        <v>668</v>
      </c>
      <c r="F28" s="19"/>
      <c r="G28" s="18" t="s">
        <v>54</v>
      </c>
      <c r="H28" s="17"/>
      <c r="I28" s="13">
        <v>1618</v>
      </c>
      <c r="J28" s="19">
        <v>754</v>
      </c>
      <c r="K28" s="19">
        <v>864</v>
      </c>
    </row>
    <row r="29" spans="1:11" ht="20.100000000000001" customHeight="1">
      <c r="A29" s="17" t="s">
        <v>55</v>
      </c>
      <c r="B29" s="17"/>
      <c r="C29" s="13">
        <v>6510</v>
      </c>
      <c r="D29" s="14">
        <v>3371</v>
      </c>
      <c r="E29" s="14">
        <v>3139</v>
      </c>
      <c r="F29" s="14"/>
      <c r="G29" s="18" t="s">
        <v>56</v>
      </c>
      <c r="H29" s="17"/>
      <c r="I29" s="13">
        <v>9599</v>
      </c>
      <c r="J29" s="14">
        <v>4453</v>
      </c>
      <c r="K29" s="14">
        <v>5146</v>
      </c>
    </row>
    <row r="30" spans="1:11" ht="15" customHeight="1">
      <c r="A30" s="17" t="s">
        <v>57</v>
      </c>
      <c r="B30" s="17"/>
      <c r="C30" s="13">
        <v>1309</v>
      </c>
      <c r="D30" s="19">
        <v>661</v>
      </c>
      <c r="E30" s="19">
        <v>648</v>
      </c>
      <c r="F30" s="19"/>
      <c r="G30" s="18" t="s">
        <v>58</v>
      </c>
      <c r="H30" s="17"/>
      <c r="I30" s="13">
        <v>1707</v>
      </c>
      <c r="J30" s="19">
        <v>797</v>
      </c>
      <c r="K30" s="19">
        <v>910</v>
      </c>
    </row>
    <row r="31" spans="1:11" ht="15" customHeight="1">
      <c r="A31" s="17" t="s">
        <v>59</v>
      </c>
      <c r="B31" s="17"/>
      <c r="C31" s="13">
        <v>1311</v>
      </c>
      <c r="D31" s="19">
        <v>685</v>
      </c>
      <c r="E31" s="19">
        <v>626</v>
      </c>
      <c r="F31" s="19"/>
      <c r="G31" s="18" t="s">
        <v>60</v>
      </c>
      <c r="H31" s="17"/>
      <c r="I31" s="13">
        <v>1809</v>
      </c>
      <c r="J31" s="19">
        <v>834</v>
      </c>
      <c r="K31" s="19">
        <v>975</v>
      </c>
    </row>
    <row r="32" spans="1:11" ht="15" customHeight="1">
      <c r="A32" s="17" t="s">
        <v>61</v>
      </c>
      <c r="B32" s="17"/>
      <c r="C32" s="13">
        <v>1324</v>
      </c>
      <c r="D32" s="19">
        <v>696</v>
      </c>
      <c r="E32" s="19">
        <v>628</v>
      </c>
      <c r="F32" s="19"/>
      <c r="G32" s="18" t="s">
        <v>62</v>
      </c>
      <c r="H32" s="17"/>
      <c r="I32" s="13">
        <v>2106</v>
      </c>
      <c r="J32" s="19">
        <v>999</v>
      </c>
      <c r="K32" s="19">
        <v>1107</v>
      </c>
    </row>
    <row r="33" spans="1:11" ht="15" customHeight="1">
      <c r="A33" s="17" t="s">
        <v>63</v>
      </c>
      <c r="B33" s="17"/>
      <c r="C33" s="13">
        <v>1312</v>
      </c>
      <c r="D33" s="19">
        <v>672</v>
      </c>
      <c r="E33" s="19">
        <v>640</v>
      </c>
      <c r="F33" s="19"/>
      <c r="G33" s="18" t="s">
        <v>64</v>
      </c>
      <c r="H33" s="17"/>
      <c r="I33" s="13">
        <v>2001</v>
      </c>
      <c r="J33" s="19">
        <v>924</v>
      </c>
      <c r="K33" s="19">
        <v>1077</v>
      </c>
    </row>
    <row r="34" spans="1:11" ht="15" customHeight="1">
      <c r="A34" s="17" t="s">
        <v>65</v>
      </c>
      <c r="B34" s="17"/>
      <c r="C34" s="13">
        <v>1254</v>
      </c>
      <c r="D34" s="19">
        <v>657</v>
      </c>
      <c r="E34" s="19">
        <v>597</v>
      </c>
      <c r="F34" s="19"/>
      <c r="G34" s="18" t="s">
        <v>66</v>
      </c>
      <c r="H34" s="17"/>
      <c r="I34" s="13">
        <v>1976</v>
      </c>
      <c r="J34" s="19">
        <v>899</v>
      </c>
      <c r="K34" s="19">
        <v>1077</v>
      </c>
    </row>
    <row r="35" spans="1:11" ht="20.100000000000001" customHeight="1">
      <c r="A35" s="17" t="s">
        <v>67</v>
      </c>
      <c r="B35" s="17"/>
      <c r="C35" s="13">
        <v>7185</v>
      </c>
      <c r="D35" s="14">
        <v>3755</v>
      </c>
      <c r="E35" s="14">
        <v>3430</v>
      </c>
      <c r="F35" s="14"/>
      <c r="G35" s="18" t="s">
        <v>68</v>
      </c>
      <c r="H35" s="17"/>
      <c r="I35" s="13">
        <v>7047</v>
      </c>
      <c r="J35" s="14">
        <v>3319</v>
      </c>
      <c r="K35" s="14">
        <v>3728</v>
      </c>
    </row>
    <row r="36" spans="1:11" ht="15" customHeight="1">
      <c r="A36" s="17" t="s">
        <v>69</v>
      </c>
      <c r="B36" s="17"/>
      <c r="C36" s="13">
        <v>1374</v>
      </c>
      <c r="D36" s="19">
        <v>702</v>
      </c>
      <c r="E36" s="19">
        <v>672</v>
      </c>
      <c r="F36" s="19"/>
      <c r="G36" s="18" t="s">
        <v>70</v>
      </c>
      <c r="H36" s="17"/>
      <c r="I36" s="13">
        <v>1366</v>
      </c>
      <c r="J36" s="19">
        <v>670</v>
      </c>
      <c r="K36" s="19">
        <v>696</v>
      </c>
    </row>
    <row r="37" spans="1:11" ht="15" customHeight="1">
      <c r="A37" s="17" t="s">
        <v>71</v>
      </c>
      <c r="B37" s="17"/>
      <c r="C37" s="13">
        <v>1367</v>
      </c>
      <c r="D37" s="19">
        <v>719</v>
      </c>
      <c r="E37" s="19">
        <v>648</v>
      </c>
      <c r="F37" s="19"/>
      <c r="G37" s="18" t="s">
        <v>72</v>
      </c>
      <c r="H37" s="17"/>
      <c r="I37" s="13">
        <v>1193</v>
      </c>
      <c r="J37" s="19">
        <v>580</v>
      </c>
      <c r="K37" s="19">
        <v>613</v>
      </c>
    </row>
    <row r="38" spans="1:11" ht="15" customHeight="1">
      <c r="A38" s="17" t="s">
        <v>73</v>
      </c>
      <c r="B38" s="17"/>
      <c r="C38" s="13">
        <v>1556</v>
      </c>
      <c r="D38" s="19">
        <v>804</v>
      </c>
      <c r="E38" s="19">
        <v>752</v>
      </c>
      <c r="F38" s="19"/>
      <c r="G38" s="18" t="s">
        <v>74</v>
      </c>
      <c r="H38" s="17"/>
      <c r="I38" s="13">
        <v>1437</v>
      </c>
      <c r="J38" s="19">
        <v>690</v>
      </c>
      <c r="K38" s="19">
        <v>747</v>
      </c>
    </row>
    <row r="39" spans="1:11" ht="15" customHeight="1">
      <c r="A39" s="17" t="s">
        <v>75</v>
      </c>
      <c r="B39" s="17"/>
      <c r="C39" s="13">
        <v>1418</v>
      </c>
      <c r="D39" s="19">
        <v>752</v>
      </c>
      <c r="E39" s="19">
        <v>666</v>
      </c>
      <c r="F39" s="19"/>
      <c r="G39" s="18" t="s">
        <v>76</v>
      </c>
      <c r="H39" s="17"/>
      <c r="I39" s="13">
        <v>1600</v>
      </c>
      <c r="J39" s="19">
        <v>702</v>
      </c>
      <c r="K39" s="19">
        <v>898</v>
      </c>
    </row>
    <row r="40" spans="1:11" ht="15" customHeight="1">
      <c r="A40" s="17" t="s">
        <v>77</v>
      </c>
      <c r="B40" s="17"/>
      <c r="C40" s="13">
        <v>1470</v>
      </c>
      <c r="D40" s="19">
        <v>778</v>
      </c>
      <c r="E40" s="19">
        <v>692</v>
      </c>
      <c r="F40" s="19"/>
      <c r="G40" s="18" t="s">
        <v>78</v>
      </c>
      <c r="H40" s="17"/>
      <c r="I40" s="13">
        <v>1451</v>
      </c>
      <c r="J40" s="19">
        <v>677</v>
      </c>
      <c r="K40" s="19">
        <v>774</v>
      </c>
    </row>
    <row r="41" spans="1:11" ht="20.100000000000001" customHeight="1">
      <c r="A41" s="17" t="s">
        <v>79</v>
      </c>
      <c r="B41" s="17"/>
      <c r="C41" s="13">
        <v>7769</v>
      </c>
      <c r="D41" s="14">
        <v>4039</v>
      </c>
      <c r="E41" s="14">
        <v>3730</v>
      </c>
      <c r="F41" s="14"/>
      <c r="G41" s="18" t="s">
        <v>80</v>
      </c>
      <c r="H41" s="17"/>
      <c r="I41" s="13">
        <v>5641</v>
      </c>
      <c r="J41" s="14">
        <v>2559</v>
      </c>
      <c r="K41" s="14">
        <v>3082</v>
      </c>
    </row>
    <row r="42" spans="1:11" ht="15" customHeight="1">
      <c r="A42" s="17" t="s">
        <v>81</v>
      </c>
      <c r="B42" s="17"/>
      <c r="C42" s="13">
        <v>1528</v>
      </c>
      <c r="D42" s="19">
        <v>786</v>
      </c>
      <c r="E42" s="19">
        <v>742</v>
      </c>
      <c r="F42" s="19"/>
      <c r="G42" s="18" t="s">
        <v>82</v>
      </c>
      <c r="H42" s="17"/>
      <c r="I42" s="13">
        <v>1451</v>
      </c>
      <c r="J42" s="19">
        <v>659</v>
      </c>
      <c r="K42" s="19">
        <v>792</v>
      </c>
    </row>
    <row r="43" spans="1:11" ht="15" customHeight="1">
      <c r="A43" s="17" t="s">
        <v>83</v>
      </c>
      <c r="B43" s="17"/>
      <c r="C43" s="13">
        <v>1488</v>
      </c>
      <c r="D43" s="19">
        <v>773</v>
      </c>
      <c r="E43" s="19">
        <v>715</v>
      </c>
      <c r="F43" s="19"/>
      <c r="G43" s="18" t="s">
        <v>84</v>
      </c>
      <c r="H43" s="17"/>
      <c r="I43" s="13">
        <v>1271</v>
      </c>
      <c r="J43" s="19">
        <v>583</v>
      </c>
      <c r="K43" s="19">
        <v>688</v>
      </c>
    </row>
    <row r="44" spans="1:11" ht="15" customHeight="1">
      <c r="A44" s="17" t="s">
        <v>85</v>
      </c>
      <c r="B44" s="17"/>
      <c r="C44" s="13">
        <v>1493</v>
      </c>
      <c r="D44" s="19">
        <v>790</v>
      </c>
      <c r="E44" s="19">
        <v>703</v>
      </c>
      <c r="F44" s="19"/>
      <c r="G44" s="18" t="s">
        <v>86</v>
      </c>
      <c r="H44" s="17"/>
      <c r="I44" s="13">
        <v>1018</v>
      </c>
      <c r="J44" s="19">
        <v>468</v>
      </c>
      <c r="K44" s="19">
        <v>550</v>
      </c>
    </row>
    <row r="45" spans="1:11" ht="15" customHeight="1">
      <c r="A45" s="17" t="s">
        <v>87</v>
      </c>
      <c r="B45" s="17"/>
      <c r="C45" s="13">
        <v>1633</v>
      </c>
      <c r="D45" s="19">
        <v>842</v>
      </c>
      <c r="E45" s="19">
        <v>791</v>
      </c>
      <c r="F45" s="19"/>
      <c r="G45" s="18" t="s">
        <v>88</v>
      </c>
      <c r="H45" s="17"/>
      <c r="I45" s="13">
        <v>922</v>
      </c>
      <c r="J45" s="19">
        <v>404</v>
      </c>
      <c r="K45" s="19">
        <v>518</v>
      </c>
    </row>
    <row r="46" spans="1:11" ht="15" customHeight="1">
      <c r="A46" s="17" t="s">
        <v>89</v>
      </c>
      <c r="B46" s="17"/>
      <c r="C46" s="13">
        <v>1627</v>
      </c>
      <c r="D46" s="19">
        <v>848</v>
      </c>
      <c r="E46" s="19">
        <v>779</v>
      </c>
      <c r="F46" s="19"/>
      <c r="G46" s="18" t="s">
        <v>90</v>
      </c>
      <c r="H46" s="17"/>
      <c r="I46" s="13">
        <v>979</v>
      </c>
      <c r="J46" s="19">
        <v>445</v>
      </c>
      <c r="K46" s="19">
        <v>534</v>
      </c>
    </row>
    <row r="47" spans="1:11" ht="20.100000000000001" customHeight="1">
      <c r="A47" s="17" t="s">
        <v>91</v>
      </c>
      <c r="B47" s="17"/>
      <c r="C47" s="13">
        <v>8824</v>
      </c>
      <c r="D47" s="14">
        <v>4604</v>
      </c>
      <c r="E47" s="14">
        <v>4220</v>
      </c>
      <c r="F47" s="14"/>
      <c r="G47" s="18" t="s">
        <v>92</v>
      </c>
      <c r="H47" s="17"/>
      <c r="I47" s="13">
        <v>3053</v>
      </c>
      <c r="J47" s="14">
        <v>1255</v>
      </c>
      <c r="K47" s="14">
        <v>1798</v>
      </c>
    </row>
    <row r="48" spans="1:11" ht="15" customHeight="1">
      <c r="A48" s="17" t="s">
        <v>93</v>
      </c>
      <c r="B48" s="17"/>
      <c r="C48" s="13">
        <v>1683</v>
      </c>
      <c r="D48" s="19">
        <v>908</v>
      </c>
      <c r="E48" s="19">
        <v>775</v>
      </c>
      <c r="F48" s="19"/>
      <c r="G48" s="18" t="s">
        <v>94</v>
      </c>
      <c r="H48" s="17"/>
      <c r="I48" s="13">
        <v>811</v>
      </c>
      <c r="J48" s="19">
        <v>378</v>
      </c>
      <c r="K48" s="19">
        <v>433</v>
      </c>
    </row>
    <row r="49" spans="1:11" ht="15" customHeight="1">
      <c r="A49" s="17" t="s">
        <v>95</v>
      </c>
      <c r="B49" s="17"/>
      <c r="C49" s="13">
        <v>1659</v>
      </c>
      <c r="D49" s="19">
        <v>868</v>
      </c>
      <c r="E49" s="19">
        <v>791</v>
      </c>
      <c r="F49" s="19"/>
      <c r="G49" s="18" t="s">
        <v>96</v>
      </c>
      <c r="H49" s="17"/>
      <c r="I49" s="13">
        <v>701</v>
      </c>
      <c r="J49" s="19">
        <v>316</v>
      </c>
      <c r="K49" s="19">
        <v>385</v>
      </c>
    </row>
    <row r="50" spans="1:11" ht="15" customHeight="1">
      <c r="A50" s="17" t="s">
        <v>97</v>
      </c>
      <c r="B50" s="17"/>
      <c r="C50" s="13">
        <v>1819</v>
      </c>
      <c r="D50" s="19">
        <v>948</v>
      </c>
      <c r="E50" s="19">
        <v>871</v>
      </c>
      <c r="F50" s="19"/>
      <c r="G50" s="18" t="s">
        <v>98</v>
      </c>
      <c r="H50" s="17"/>
      <c r="I50" s="13">
        <v>582</v>
      </c>
      <c r="J50" s="19">
        <v>228</v>
      </c>
      <c r="K50" s="19">
        <v>354</v>
      </c>
    </row>
    <row r="51" spans="1:11" ht="15" customHeight="1">
      <c r="A51" s="17" t="s">
        <v>99</v>
      </c>
      <c r="B51" s="17"/>
      <c r="C51" s="13">
        <v>1775</v>
      </c>
      <c r="D51" s="19">
        <v>899</v>
      </c>
      <c r="E51" s="19">
        <v>876</v>
      </c>
      <c r="F51" s="19"/>
      <c r="G51" s="18" t="s">
        <v>100</v>
      </c>
      <c r="H51" s="17"/>
      <c r="I51" s="13">
        <v>489</v>
      </c>
      <c r="J51" s="19">
        <v>181</v>
      </c>
      <c r="K51" s="19">
        <v>308</v>
      </c>
    </row>
    <row r="52" spans="1:11" ht="15" customHeight="1">
      <c r="A52" s="17" t="s">
        <v>101</v>
      </c>
      <c r="B52" s="17"/>
      <c r="C52" s="13">
        <v>1888</v>
      </c>
      <c r="D52" s="19">
        <v>981</v>
      </c>
      <c r="E52" s="19">
        <v>907</v>
      </c>
      <c r="F52" s="19"/>
      <c r="G52" s="18" t="s">
        <v>102</v>
      </c>
      <c r="H52" s="17"/>
      <c r="I52" s="13">
        <v>470</v>
      </c>
      <c r="J52" s="19">
        <v>152</v>
      </c>
      <c r="K52" s="19">
        <v>318</v>
      </c>
    </row>
    <row r="53" spans="1:11" ht="20.100000000000001" customHeight="1">
      <c r="A53" s="17" t="s">
        <v>103</v>
      </c>
      <c r="B53" s="17"/>
      <c r="C53" s="13">
        <v>9534</v>
      </c>
      <c r="D53" s="14">
        <v>4966</v>
      </c>
      <c r="E53" s="14">
        <v>4568</v>
      </c>
      <c r="F53" s="14"/>
      <c r="G53" s="18" t="s">
        <v>104</v>
      </c>
      <c r="H53" s="17"/>
      <c r="I53" s="13">
        <v>1314</v>
      </c>
      <c r="J53" s="14">
        <v>379</v>
      </c>
      <c r="K53" s="14">
        <v>935</v>
      </c>
    </row>
    <row r="54" spans="1:11" ht="15" customHeight="1">
      <c r="A54" s="17" t="s">
        <v>105</v>
      </c>
      <c r="B54" s="17"/>
      <c r="C54" s="13">
        <v>1748</v>
      </c>
      <c r="D54" s="19">
        <v>910</v>
      </c>
      <c r="E54" s="19">
        <v>838</v>
      </c>
      <c r="F54" s="19"/>
      <c r="G54" s="18" t="s">
        <v>106</v>
      </c>
      <c r="H54" s="17"/>
      <c r="I54" s="13">
        <v>378</v>
      </c>
      <c r="J54" s="19">
        <v>110</v>
      </c>
      <c r="K54" s="19">
        <v>268</v>
      </c>
    </row>
    <row r="55" spans="1:11" ht="15" customHeight="1">
      <c r="A55" s="17" t="s">
        <v>107</v>
      </c>
      <c r="B55" s="17"/>
      <c r="C55" s="13">
        <v>1856</v>
      </c>
      <c r="D55" s="19">
        <v>948</v>
      </c>
      <c r="E55" s="19">
        <v>908</v>
      </c>
      <c r="F55" s="19"/>
      <c r="G55" s="18" t="s">
        <v>108</v>
      </c>
      <c r="H55" s="17"/>
      <c r="I55" s="13">
        <v>303</v>
      </c>
      <c r="J55" s="19">
        <v>93</v>
      </c>
      <c r="K55" s="19">
        <v>210</v>
      </c>
    </row>
    <row r="56" spans="1:11" ht="15" customHeight="1">
      <c r="A56" s="17" t="s">
        <v>109</v>
      </c>
      <c r="B56" s="17"/>
      <c r="C56" s="13">
        <v>1926</v>
      </c>
      <c r="D56" s="19">
        <v>1016</v>
      </c>
      <c r="E56" s="19">
        <v>910</v>
      </c>
      <c r="F56" s="19"/>
      <c r="G56" s="18" t="s">
        <v>110</v>
      </c>
      <c r="H56" s="17"/>
      <c r="I56" s="13">
        <v>266</v>
      </c>
      <c r="J56" s="19">
        <v>72</v>
      </c>
      <c r="K56" s="19">
        <v>194</v>
      </c>
    </row>
    <row r="57" spans="1:11" ht="15" customHeight="1">
      <c r="A57" s="17" t="s">
        <v>111</v>
      </c>
      <c r="B57" s="17"/>
      <c r="C57" s="13">
        <v>1948</v>
      </c>
      <c r="D57" s="19">
        <v>1021</v>
      </c>
      <c r="E57" s="19">
        <v>927</v>
      </c>
      <c r="F57" s="19"/>
      <c r="G57" s="18" t="s">
        <v>112</v>
      </c>
      <c r="H57" s="17"/>
      <c r="I57" s="13">
        <v>194</v>
      </c>
      <c r="J57" s="19">
        <v>50</v>
      </c>
      <c r="K57" s="19">
        <v>144</v>
      </c>
    </row>
    <row r="58" spans="1:11" ht="15" customHeight="1">
      <c r="A58" s="17" t="s">
        <v>113</v>
      </c>
      <c r="B58" s="17"/>
      <c r="C58" s="13">
        <v>2056</v>
      </c>
      <c r="D58" s="19">
        <v>1071</v>
      </c>
      <c r="E58" s="19">
        <v>985</v>
      </c>
      <c r="F58" s="19"/>
      <c r="G58" s="18" t="s">
        <v>114</v>
      </c>
      <c r="H58" s="17"/>
      <c r="I58" s="13">
        <v>173</v>
      </c>
      <c r="J58" s="19">
        <v>54</v>
      </c>
      <c r="K58" s="19">
        <v>119</v>
      </c>
    </row>
    <row r="59" spans="1:11" ht="20.100000000000001" customHeight="1">
      <c r="A59" s="17" t="s">
        <v>115</v>
      </c>
      <c r="B59" s="17"/>
      <c r="C59" s="13">
        <v>11396</v>
      </c>
      <c r="D59" s="14">
        <v>5883</v>
      </c>
      <c r="E59" s="14">
        <v>5513</v>
      </c>
      <c r="F59" s="14"/>
      <c r="G59" s="18" t="s">
        <v>116</v>
      </c>
      <c r="H59" s="17"/>
      <c r="I59" s="13">
        <v>345</v>
      </c>
      <c r="J59" s="14">
        <v>69</v>
      </c>
      <c r="K59" s="14">
        <v>276</v>
      </c>
    </row>
    <row r="60" spans="1:11" ht="15" customHeight="1">
      <c r="A60" s="17" t="s">
        <v>117</v>
      </c>
      <c r="B60" s="17"/>
      <c r="C60" s="13">
        <v>2100</v>
      </c>
      <c r="D60" s="19">
        <v>1074</v>
      </c>
      <c r="E60" s="19">
        <v>1026</v>
      </c>
      <c r="F60" s="19"/>
      <c r="G60" s="18" t="s">
        <v>118</v>
      </c>
      <c r="H60" s="17"/>
      <c r="I60" s="13">
        <v>125</v>
      </c>
      <c r="J60" s="19">
        <v>29</v>
      </c>
      <c r="K60" s="19">
        <v>96</v>
      </c>
    </row>
    <row r="61" spans="1:11" ht="15" customHeight="1">
      <c r="A61" s="17" t="s">
        <v>119</v>
      </c>
      <c r="B61" s="17"/>
      <c r="C61" s="13">
        <v>2137</v>
      </c>
      <c r="D61" s="19">
        <v>1081</v>
      </c>
      <c r="E61" s="19">
        <v>1056</v>
      </c>
      <c r="F61" s="19"/>
      <c r="G61" s="18" t="s">
        <v>120</v>
      </c>
      <c r="H61" s="17"/>
      <c r="I61" s="13">
        <v>95</v>
      </c>
      <c r="J61" s="19">
        <v>19</v>
      </c>
      <c r="K61" s="19">
        <v>76</v>
      </c>
    </row>
    <row r="62" spans="1:11" ht="15" customHeight="1">
      <c r="A62" s="17" t="s">
        <v>121</v>
      </c>
      <c r="B62" s="17"/>
      <c r="C62" s="13">
        <v>2321</v>
      </c>
      <c r="D62" s="19">
        <v>1216</v>
      </c>
      <c r="E62" s="19">
        <v>1105</v>
      </c>
      <c r="F62" s="19"/>
      <c r="G62" s="18" t="s">
        <v>122</v>
      </c>
      <c r="H62" s="17"/>
      <c r="I62" s="13">
        <v>57</v>
      </c>
      <c r="J62" s="19">
        <v>11</v>
      </c>
      <c r="K62" s="19">
        <v>46</v>
      </c>
    </row>
    <row r="63" spans="1:11" ht="15" customHeight="1">
      <c r="A63" s="17" t="s">
        <v>123</v>
      </c>
      <c r="B63" s="17"/>
      <c r="C63" s="13">
        <v>2522</v>
      </c>
      <c r="D63" s="19">
        <v>1306</v>
      </c>
      <c r="E63" s="19">
        <v>1216</v>
      </c>
      <c r="F63" s="19"/>
      <c r="G63" s="18" t="s">
        <v>124</v>
      </c>
      <c r="H63" s="17"/>
      <c r="I63" s="13">
        <v>39</v>
      </c>
      <c r="J63" s="19">
        <v>8</v>
      </c>
      <c r="K63" s="19">
        <v>31</v>
      </c>
    </row>
    <row r="64" spans="1:11" ht="15" customHeight="1">
      <c r="A64" s="17" t="s">
        <v>125</v>
      </c>
      <c r="B64" s="17"/>
      <c r="C64" s="13">
        <v>2316</v>
      </c>
      <c r="D64" s="19">
        <v>1206</v>
      </c>
      <c r="E64" s="19">
        <v>1110</v>
      </c>
      <c r="F64" s="19"/>
      <c r="G64" s="18" t="s">
        <v>126</v>
      </c>
      <c r="H64" s="17"/>
      <c r="I64" s="13">
        <v>29</v>
      </c>
      <c r="J64" s="19">
        <v>2</v>
      </c>
      <c r="K64" s="19">
        <v>27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46</v>
      </c>
      <c r="J65" s="19">
        <v>1</v>
      </c>
      <c r="K65" s="19">
        <v>45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2052</v>
      </c>
      <c r="J66" s="27">
        <v>1190</v>
      </c>
      <c r="K66" s="27">
        <v>862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7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32260</v>
      </c>
      <c r="D4" s="14">
        <v>65822</v>
      </c>
      <c r="E4" s="14">
        <v>6643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4508</v>
      </c>
      <c r="D5" s="14">
        <v>2293</v>
      </c>
      <c r="E5" s="14">
        <v>2215</v>
      </c>
      <c r="F5" s="14"/>
      <c r="G5" s="18" t="s">
        <v>8</v>
      </c>
      <c r="H5" s="17"/>
      <c r="I5" s="13">
        <v>11113</v>
      </c>
      <c r="J5" s="14">
        <v>5813</v>
      </c>
      <c r="K5" s="14">
        <v>5300</v>
      </c>
    </row>
    <row r="6" spans="1:11" ht="15" customHeight="1">
      <c r="A6" s="17" t="s">
        <v>9</v>
      </c>
      <c r="B6" s="17"/>
      <c r="C6" s="13">
        <v>850</v>
      </c>
      <c r="D6" s="19">
        <v>429</v>
      </c>
      <c r="E6" s="19">
        <v>421</v>
      </c>
      <c r="F6" s="19"/>
      <c r="G6" s="18" t="s">
        <v>10</v>
      </c>
      <c r="H6" s="17"/>
      <c r="I6" s="13">
        <v>2288</v>
      </c>
      <c r="J6" s="19">
        <v>1229</v>
      </c>
      <c r="K6" s="19">
        <v>1059</v>
      </c>
    </row>
    <row r="7" spans="1:11" ht="15" customHeight="1">
      <c r="A7" s="17" t="s">
        <v>11</v>
      </c>
      <c r="B7" s="17"/>
      <c r="C7" s="13">
        <v>839</v>
      </c>
      <c r="D7" s="19">
        <v>437</v>
      </c>
      <c r="E7" s="19">
        <v>402</v>
      </c>
      <c r="F7" s="19"/>
      <c r="G7" s="18" t="s">
        <v>12</v>
      </c>
      <c r="H7" s="17"/>
      <c r="I7" s="13">
        <v>2307</v>
      </c>
      <c r="J7" s="19">
        <v>1173</v>
      </c>
      <c r="K7" s="19">
        <v>1134</v>
      </c>
    </row>
    <row r="8" spans="1:11" ht="15" customHeight="1">
      <c r="A8" s="17" t="s">
        <v>13</v>
      </c>
      <c r="B8" s="17"/>
      <c r="C8" s="13">
        <v>886</v>
      </c>
      <c r="D8" s="19">
        <v>452</v>
      </c>
      <c r="E8" s="19">
        <v>434</v>
      </c>
      <c r="F8" s="19"/>
      <c r="G8" s="18" t="s">
        <v>14</v>
      </c>
      <c r="H8" s="17"/>
      <c r="I8" s="13">
        <v>2106</v>
      </c>
      <c r="J8" s="19">
        <v>1099</v>
      </c>
      <c r="K8" s="19">
        <v>1007</v>
      </c>
    </row>
    <row r="9" spans="1:11" ht="15" customHeight="1">
      <c r="A9" s="17" t="s">
        <v>15</v>
      </c>
      <c r="B9" s="17"/>
      <c r="C9" s="13">
        <v>965</v>
      </c>
      <c r="D9" s="19">
        <v>486</v>
      </c>
      <c r="E9" s="19">
        <v>479</v>
      </c>
      <c r="F9" s="19"/>
      <c r="G9" s="18" t="s">
        <v>16</v>
      </c>
      <c r="H9" s="17"/>
      <c r="I9" s="13">
        <v>2105</v>
      </c>
      <c r="J9" s="19">
        <v>1114</v>
      </c>
      <c r="K9" s="19">
        <v>991</v>
      </c>
    </row>
    <row r="10" spans="1:11" ht="15" customHeight="1">
      <c r="A10" s="17" t="s">
        <v>17</v>
      </c>
      <c r="B10" s="17"/>
      <c r="C10" s="13">
        <v>968</v>
      </c>
      <c r="D10" s="19">
        <v>489</v>
      </c>
      <c r="E10" s="19">
        <v>479</v>
      </c>
      <c r="F10" s="19"/>
      <c r="G10" s="18" t="s">
        <v>18</v>
      </c>
      <c r="H10" s="17"/>
      <c r="I10" s="13">
        <v>2307</v>
      </c>
      <c r="J10" s="19">
        <v>1198</v>
      </c>
      <c r="K10" s="19">
        <v>1109</v>
      </c>
    </row>
    <row r="11" spans="1:11" ht="20.100000000000001" customHeight="1">
      <c r="A11" s="17" t="s">
        <v>19</v>
      </c>
      <c r="B11" s="17"/>
      <c r="C11" s="13">
        <v>4916</v>
      </c>
      <c r="D11" s="14">
        <v>2479</v>
      </c>
      <c r="E11" s="14">
        <v>2437</v>
      </c>
      <c r="F11" s="14"/>
      <c r="G11" s="18" t="s">
        <v>20</v>
      </c>
      <c r="H11" s="17"/>
      <c r="I11" s="13">
        <v>8930</v>
      </c>
      <c r="J11" s="14">
        <v>4583</v>
      </c>
      <c r="K11" s="14">
        <v>4347</v>
      </c>
    </row>
    <row r="12" spans="1:11" ht="15" customHeight="1">
      <c r="A12" s="17" t="s">
        <v>21</v>
      </c>
      <c r="B12" s="17"/>
      <c r="C12" s="13">
        <v>944</v>
      </c>
      <c r="D12" s="19">
        <v>500</v>
      </c>
      <c r="E12" s="19">
        <v>444</v>
      </c>
      <c r="F12" s="19"/>
      <c r="G12" s="18" t="s">
        <v>22</v>
      </c>
      <c r="H12" s="17"/>
      <c r="I12" s="13">
        <v>1684</v>
      </c>
      <c r="J12" s="19">
        <v>825</v>
      </c>
      <c r="K12" s="19">
        <v>859</v>
      </c>
    </row>
    <row r="13" spans="1:11" ht="15" customHeight="1">
      <c r="A13" s="17" t="s">
        <v>23</v>
      </c>
      <c r="B13" s="17"/>
      <c r="C13" s="13">
        <v>1002</v>
      </c>
      <c r="D13" s="19">
        <v>497</v>
      </c>
      <c r="E13" s="19">
        <v>505</v>
      </c>
      <c r="F13" s="19"/>
      <c r="G13" s="18" t="s">
        <v>24</v>
      </c>
      <c r="H13" s="17"/>
      <c r="I13" s="13">
        <v>2024</v>
      </c>
      <c r="J13" s="19">
        <v>1032</v>
      </c>
      <c r="K13" s="19">
        <v>992</v>
      </c>
    </row>
    <row r="14" spans="1:11" ht="15" customHeight="1">
      <c r="A14" s="17" t="s">
        <v>25</v>
      </c>
      <c r="B14" s="17"/>
      <c r="C14" s="13">
        <v>963</v>
      </c>
      <c r="D14" s="19">
        <v>452</v>
      </c>
      <c r="E14" s="19">
        <v>511</v>
      </c>
      <c r="F14" s="19"/>
      <c r="G14" s="18" t="s">
        <v>26</v>
      </c>
      <c r="H14" s="17"/>
      <c r="I14" s="13">
        <v>1880</v>
      </c>
      <c r="J14" s="19">
        <v>984</v>
      </c>
      <c r="K14" s="19">
        <v>896</v>
      </c>
    </row>
    <row r="15" spans="1:11" ht="15" customHeight="1">
      <c r="A15" s="17" t="s">
        <v>27</v>
      </c>
      <c r="B15" s="17"/>
      <c r="C15" s="13">
        <v>1012</v>
      </c>
      <c r="D15" s="19">
        <v>510</v>
      </c>
      <c r="E15" s="19">
        <v>502</v>
      </c>
      <c r="F15" s="19"/>
      <c r="G15" s="18" t="s">
        <v>28</v>
      </c>
      <c r="H15" s="17"/>
      <c r="I15" s="13">
        <v>1741</v>
      </c>
      <c r="J15" s="19">
        <v>911</v>
      </c>
      <c r="K15" s="19">
        <v>830</v>
      </c>
    </row>
    <row r="16" spans="1:11" ht="15" customHeight="1">
      <c r="A16" s="17" t="s">
        <v>29</v>
      </c>
      <c r="B16" s="17"/>
      <c r="C16" s="13">
        <v>995</v>
      </c>
      <c r="D16" s="19">
        <v>520</v>
      </c>
      <c r="E16" s="19">
        <v>475</v>
      </c>
      <c r="F16" s="19"/>
      <c r="G16" s="18" t="s">
        <v>30</v>
      </c>
      <c r="H16" s="17"/>
      <c r="I16" s="13">
        <v>1601</v>
      </c>
      <c r="J16" s="19">
        <v>831</v>
      </c>
      <c r="K16" s="19">
        <v>770</v>
      </c>
    </row>
    <row r="17" spans="1:11" ht="20.100000000000001" customHeight="1">
      <c r="A17" s="20" t="s">
        <v>31</v>
      </c>
      <c r="B17" s="20"/>
      <c r="C17" s="13">
        <v>5334</v>
      </c>
      <c r="D17" s="14">
        <v>2718</v>
      </c>
      <c r="E17" s="14">
        <v>2616</v>
      </c>
      <c r="F17" s="14"/>
      <c r="G17" s="18" t="s">
        <v>32</v>
      </c>
      <c r="H17" s="17"/>
      <c r="I17" s="13">
        <v>7506</v>
      </c>
      <c r="J17" s="14">
        <v>3825</v>
      </c>
      <c r="K17" s="14">
        <v>3681</v>
      </c>
    </row>
    <row r="18" spans="1:11" ht="15" customHeight="1">
      <c r="A18" s="17" t="s">
        <v>33</v>
      </c>
      <c r="B18" s="17"/>
      <c r="C18" s="13">
        <v>1081</v>
      </c>
      <c r="D18" s="19">
        <v>531</v>
      </c>
      <c r="E18" s="19">
        <v>550</v>
      </c>
      <c r="F18" s="19"/>
      <c r="G18" s="18" t="s">
        <v>34</v>
      </c>
      <c r="H18" s="17"/>
      <c r="I18" s="13">
        <v>1629</v>
      </c>
      <c r="J18" s="19">
        <v>807</v>
      </c>
      <c r="K18" s="19">
        <v>822</v>
      </c>
    </row>
    <row r="19" spans="1:11" ht="15" customHeight="1">
      <c r="A19" s="17" t="s">
        <v>35</v>
      </c>
      <c r="B19" s="17"/>
      <c r="C19" s="13">
        <v>1027</v>
      </c>
      <c r="D19" s="19">
        <v>516</v>
      </c>
      <c r="E19" s="19">
        <v>511</v>
      </c>
      <c r="F19" s="19"/>
      <c r="G19" s="18" t="s">
        <v>36</v>
      </c>
      <c r="H19" s="17"/>
      <c r="I19" s="13">
        <v>1528</v>
      </c>
      <c r="J19" s="19">
        <v>789</v>
      </c>
      <c r="K19" s="19">
        <v>739</v>
      </c>
    </row>
    <row r="20" spans="1:11" ht="15" customHeight="1">
      <c r="A20" s="17" t="s">
        <v>37</v>
      </c>
      <c r="B20" s="17"/>
      <c r="C20" s="13">
        <v>1059</v>
      </c>
      <c r="D20" s="19">
        <v>563</v>
      </c>
      <c r="E20" s="19">
        <v>496</v>
      </c>
      <c r="F20" s="19"/>
      <c r="G20" s="18" t="s">
        <v>38</v>
      </c>
      <c r="H20" s="17"/>
      <c r="I20" s="13">
        <v>1499</v>
      </c>
      <c r="J20" s="19">
        <v>794</v>
      </c>
      <c r="K20" s="19">
        <v>705</v>
      </c>
    </row>
    <row r="21" spans="1:11" ht="15" customHeight="1">
      <c r="A21" s="17" t="s">
        <v>39</v>
      </c>
      <c r="B21" s="17"/>
      <c r="C21" s="13">
        <v>1087</v>
      </c>
      <c r="D21" s="19">
        <v>556</v>
      </c>
      <c r="E21" s="19">
        <v>531</v>
      </c>
      <c r="F21" s="19"/>
      <c r="G21" s="18" t="s">
        <v>40</v>
      </c>
      <c r="H21" s="17"/>
      <c r="I21" s="13">
        <v>1510</v>
      </c>
      <c r="J21" s="19">
        <v>749</v>
      </c>
      <c r="K21" s="19">
        <v>761</v>
      </c>
    </row>
    <row r="22" spans="1:11" ht="15" customHeight="1">
      <c r="A22" s="17" t="s">
        <v>41</v>
      </c>
      <c r="B22" s="17"/>
      <c r="C22" s="13">
        <v>1080</v>
      </c>
      <c r="D22" s="19">
        <v>552</v>
      </c>
      <c r="E22" s="19">
        <v>528</v>
      </c>
      <c r="F22" s="19"/>
      <c r="G22" s="18" t="s">
        <v>42</v>
      </c>
      <c r="H22" s="17"/>
      <c r="I22" s="13">
        <v>1340</v>
      </c>
      <c r="J22" s="19">
        <v>686</v>
      </c>
      <c r="K22" s="19">
        <v>654</v>
      </c>
    </row>
    <row r="23" spans="1:11" ht="20.100000000000001" customHeight="1">
      <c r="A23" s="17" t="s">
        <v>43</v>
      </c>
      <c r="B23" s="17"/>
      <c r="C23" s="13">
        <v>5494</v>
      </c>
      <c r="D23" s="14">
        <v>2881</v>
      </c>
      <c r="E23" s="14">
        <v>2613</v>
      </c>
      <c r="F23" s="14"/>
      <c r="G23" s="18" t="s">
        <v>44</v>
      </c>
      <c r="H23" s="17"/>
      <c r="I23" s="13">
        <v>7211</v>
      </c>
      <c r="J23" s="14">
        <v>3572</v>
      </c>
      <c r="K23" s="14">
        <v>3639</v>
      </c>
    </row>
    <row r="24" spans="1:11" ht="15" customHeight="1">
      <c r="A24" s="17" t="s">
        <v>45</v>
      </c>
      <c r="B24" s="17"/>
      <c r="C24" s="13">
        <v>1101</v>
      </c>
      <c r="D24" s="19">
        <v>553</v>
      </c>
      <c r="E24" s="19">
        <v>548</v>
      </c>
      <c r="F24" s="19"/>
      <c r="G24" s="18" t="s">
        <v>46</v>
      </c>
      <c r="H24" s="17"/>
      <c r="I24" s="13">
        <v>1263</v>
      </c>
      <c r="J24" s="19">
        <v>601</v>
      </c>
      <c r="K24" s="19">
        <v>662</v>
      </c>
    </row>
    <row r="25" spans="1:11" ht="15" customHeight="1">
      <c r="A25" s="17" t="s">
        <v>47</v>
      </c>
      <c r="B25" s="17"/>
      <c r="C25" s="13">
        <v>1053</v>
      </c>
      <c r="D25" s="19">
        <v>557</v>
      </c>
      <c r="E25" s="19">
        <v>496</v>
      </c>
      <c r="F25" s="19"/>
      <c r="G25" s="18" t="s">
        <v>48</v>
      </c>
      <c r="H25" s="17"/>
      <c r="I25" s="13">
        <v>1452</v>
      </c>
      <c r="J25" s="19">
        <v>752</v>
      </c>
      <c r="K25" s="19">
        <v>700</v>
      </c>
    </row>
    <row r="26" spans="1:11" ht="15" customHeight="1">
      <c r="A26" s="17" t="s">
        <v>49</v>
      </c>
      <c r="B26" s="17"/>
      <c r="C26" s="13">
        <v>1076</v>
      </c>
      <c r="D26" s="19">
        <v>584</v>
      </c>
      <c r="E26" s="19">
        <v>492</v>
      </c>
      <c r="F26" s="19"/>
      <c r="G26" s="18" t="s">
        <v>50</v>
      </c>
      <c r="H26" s="17"/>
      <c r="I26" s="13">
        <v>1412</v>
      </c>
      <c r="J26" s="19">
        <v>738</v>
      </c>
      <c r="K26" s="19">
        <v>674</v>
      </c>
    </row>
    <row r="27" spans="1:11" ht="15" customHeight="1">
      <c r="A27" s="17" t="s">
        <v>51</v>
      </c>
      <c r="B27" s="17"/>
      <c r="C27" s="13">
        <v>1118</v>
      </c>
      <c r="D27" s="19">
        <v>584</v>
      </c>
      <c r="E27" s="19">
        <v>534</v>
      </c>
      <c r="F27" s="19"/>
      <c r="G27" s="18" t="s">
        <v>52</v>
      </c>
      <c r="H27" s="17"/>
      <c r="I27" s="13">
        <v>1456</v>
      </c>
      <c r="J27" s="19">
        <v>699</v>
      </c>
      <c r="K27" s="19">
        <v>757</v>
      </c>
    </row>
    <row r="28" spans="1:11" ht="15" customHeight="1">
      <c r="A28" s="17" t="s">
        <v>53</v>
      </c>
      <c r="B28" s="17"/>
      <c r="C28" s="13">
        <v>1146</v>
      </c>
      <c r="D28" s="19">
        <v>603</v>
      </c>
      <c r="E28" s="19">
        <v>543</v>
      </c>
      <c r="F28" s="19"/>
      <c r="G28" s="18" t="s">
        <v>54</v>
      </c>
      <c r="H28" s="17"/>
      <c r="I28" s="13">
        <v>1628</v>
      </c>
      <c r="J28" s="19">
        <v>782</v>
      </c>
      <c r="K28" s="19">
        <v>846</v>
      </c>
    </row>
    <row r="29" spans="1:11" ht="20.100000000000001" customHeight="1">
      <c r="A29" s="17" t="s">
        <v>55</v>
      </c>
      <c r="B29" s="17"/>
      <c r="C29" s="13">
        <v>6611</v>
      </c>
      <c r="D29" s="14">
        <v>3441</v>
      </c>
      <c r="E29" s="14">
        <v>3170</v>
      </c>
      <c r="F29" s="14"/>
      <c r="G29" s="18" t="s">
        <v>56</v>
      </c>
      <c r="H29" s="17"/>
      <c r="I29" s="13">
        <v>9253</v>
      </c>
      <c r="J29" s="14">
        <v>4308</v>
      </c>
      <c r="K29" s="14">
        <v>4945</v>
      </c>
    </row>
    <row r="30" spans="1:11" ht="15" customHeight="1">
      <c r="A30" s="17" t="s">
        <v>57</v>
      </c>
      <c r="B30" s="17"/>
      <c r="C30" s="13">
        <v>1221</v>
      </c>
      <c r="D30" s="19">
        <v>623</v>
      </c>
      <c r="E30" s="19">
        <v>598</v>
      </c>
      <c r="F30" s="19"/>
      <c r="G30" s="18" t="s">
        <v>58</v>
      </c>
      <c r="H30" s="17"/>
      <c r="I30" s="13">
        <v>1574</v>
      </c>
      <c r="J30" s="19">
        <v>748</v>
      </c>
      <c r="K30" s="19">
        <v>826</v>
      </c>
    </row>
    <row r="31" spans="1:11" ht="15" customHeight="1">
      <c r="A31" s="17" t="s">
        <v>59</v>
      </c>
      <c r="B31" s="17"/>
      <c r="C31" s="13">
        <v>1339</v>
      </c>
      <c r="D31" s="19">
        <v>687</v>
      </c>
      <c r="E31" s="19">
        <v>652</v>
      </c>
      <c r="F31" s="19"/>
      <c r="G31" s="18" t="s">
        <v>60</v>
      </c>
      <c r="H31" s="17"/>
      <c r="I31" s="13">
        <v>1799</v>
      </c>
      <c r="J31" s="19">
        <v>870</v>
      </c>
      <c r="K31" s="19">
        <v>929</v>
      </c>
    </row>
    <row r="32" spans="1:11" ht="15" customHeight="1">
      <c r="A32" s="17" t="s">
        <v>61</v>
      </c>
      <c r="B32" s="17"/>
      <c r="C32" s="13">
        <v>1323</v>
      </c>
      <c r="D32" s="19">
        <v>691</v>
      </c>
      <c r="E32" s="19">
        <v>632</v>
      </c>
      <c r="F32" s="19"/>
      <c r="G32" s="18" t="s">
        <v>62</v>
      </c>
      <c r="H32" s="17"/>
      <c r="I32" s="13">
        <v>2015</v>
      </c>
      <c r="J32" s="19">
        <v>932</v>
      </c>
      <c r="K32" s="19">
        <v>1083</v>
      </c>
    </row>
    <row r="33" spans="1:11" ht="15" customHeight="1">
      <c r="A33" s="17" t="s">
        <v>63</v>
      </c>
      <c r="B33" s="17"/>
      <c r="C33" s="13">
        <v>1330</v>
      </c>
      <c r="D33" s="19">
        <v>687</v>
      </c>
      <c r="E33" s="19">
        <v>643</v>
      </c>
      <c r="F33" s="19"/>
      <c r="G33" s="18" t="s">
        <v>64</v>
      </c>
      <c r="H33" s="17"/>
      <c r="I33" s="13">
        <v>1964</v>
      </c>
      <c r="J33" s="19">
        <v>893</v>
      </c>
      <c r="K33" s="19">
        <v>1071</v>
      </c>
    </row>
    <row r="34" spans="1:11" ht="15" customHeight="1">
      <c r="A34" s="17" t="s">
        <v>65</v>
      </c>
      <c r="B34" s="17"/>
      <c r="C34" s="13">
        <v>1398</v>
      </c>
      <c r="D34" s="19">
        <v>753</v>
      </c>
      <c r="E34" s="19">
        <v>645</v>
      </c>
      <c r="F34" s="19"/>
      <c r="G34" s="18" t="s">
        <v>66</v>
      </c>
      <c r="H34" s="17"/>
      <c r="I34" s="13">
        <v>1901</v>
      </c>
      <c r="J34" s="19">
        <v>865</v>
      </c>
      <c r="K34" s="19">
        <v>1036</v>
      </c>
    </row>
    <row r="35" spans="1:11" ht="20.100000000000001" customHeight="1">
      <c r="A35" s="17" t="s">
        <v>67</v>
      </c>
      <c r="B35" s="17"/>
      <c r="C35" s="13">
        <v>6489</v>
      </c>
      <c r="D35" s="14">
        <v>3332</v>
      </c>
      <c r="E35" s="14">
        <v>3157</v>
      </c>
      <c r="F35" s="14"/>
      <c r="G35" s="18" t="s">
        <v>68</v>
      </c>
      <c r="H35" s="17"/>
      <c r="I35" s="13">
        <v>7045</v>
      </c>
      <c r="J35" s="14">
        <v>3166</v>
      </c>
      <c r="K35" s="14">
        <v>3879</v>
      </c>
    </row>
    <row r="36" spans="1:11" ht="15" customHeight="1">
      <c r="A36" s="17" t="s">
        <v>69</v>
      </c>
      <c r="B36" s="17"/>
      <c r="C36" s="13">
        <v>1321</v>
      </c>
      <c r="D36" s="19">
        <v>687</v>
      </c>
      <c r="E36" s="19">
        <v>634</v>
      </c>
      <c r="F36" s="19"/>
      <c r="G36" s="18" t="s">
        <v>70</v>
      </c>
      <c r="H36" s="17"/>
      <c r="I36" s="13">
        <v>1356</v>
      </c>
      <c r="J36" s="19">
        <v>655</v>
      </c>
      <c r="K36" s="19">
        <v>701</v>
      </c>
    </row>
    <row r="37" spans="1:11" ht="15" customHeight="1">
      <c r="A37" s="17" t="s">
        <v>71</v>
      </c>
      <c r="B37" s="17"/>
      <c r="C37" s="13">
        <v>1280</v>
      </c>
      <c r="D37" s="19">
        <v>657</v>
      </c>
      <c r="E37" s="19">
        <v>623</v>
      </c>
      <c r="F37" s="19"/>
      <c r="G37" s="18" t="s">
        <v>72</v>
      </c>
      <c r="H37" s="17"/>
      <c r="I37" s="13">
        <v>1159</v>
      </c>
      <c r="J37" s="19">
        <v>501</v>
      </c>
      <c r="K37" s="19">
        <v>658</v>
      </c>
    </row>
    <row r="38" spans="1:11" ht="15" customHeight="1">
      <c r="A38" s="17" t="s">
        <v>73</v>
      </c>
      <c r="B38" s="17"/>
      <c r="C38" s="13">
        <v>1334</v>
      </c>
      <c r="D38" s="19">
        <v>687</v>
      </c>
      <c r="E38" s="19">
        <v>647</v>
      </c>
      <c r="F38" s="19"/>
      <c r="G38" s="18" t="s">
        <v>74</v>
      </c>
      <c r="H38" s="17"/>
      <c r="I38" s="13">
        <v>1466</v>
      </c>
      <c r="J38" s="19">
        <v>648</v>
      </c>
      <c r="K38" s="19">
        <v>818</v>
      </c>
    </row>
    <row r="39" spans="1:11" ht="15" customHeight="1">
      <c r="A39" s="17" t="s">
        <v>75</v>
      </c>
      <c r="B39" s="17"/>
      <c r="C39" s="13">
        <v>1277</v>
      </c>
      <c r="D39" s="19">
        <v>659</v>
      </c>
      <c r="E39" s="19">
        <v>618</v>
      </c>
      <c r="F39" s="19"/>
      <c r="G39" s="18" t="s">
        <v>76</v>
      </c>
      <c r="H39" s="17"/>
      <c r="I39" s="13">
        <v>1594</v>
      </c>
      <c r="J39" s="19">
        <v>718</v>
      </c>
      <c r="K39" s="19">
        <v>876</v>
      </c>
    </row>
    <row r="40" spans="1:11" ht="15" customHeight="1">
      <c r="A40" s="17" t="s">
        <v>77</v>
      </c>
      <c r="B40" s="17"/>
      <c r="C40" s="13">
        <v>1277</v>
      </c>
      <c r="D40" s="19">
        <v>642</v>
      </c>
      <c r="E40" s="19">
        <v>635</v>
      </c>
      <c r="F40" s="19"/>
      <c r="G40" s="18" t="s">
        <v>78</v>
      </c>
      <c r="H40" s="17"/>
      <c r="I40" s="13">
        <v>1470</v>
      </c>
      <c r="J40" s="19">
        <v>644</v>
      </c>
      <c r="K40" s="19">
        <v>826</v>
      </c>
    </row>
    <row r="41" spans="1:11" ht="20.100000000000001" customHeight="1">
      <c r="A41" s="17" t="s">
        <v>79</v>
      </c>
      <c r="B41" s="17"/>
      <c r="C41" s="13">
        <v>6889</v>
      </c>
      <c r="D41" s="14">
        <v>3602</v>
      </c>
      <c r="E41" s="14">
        <v>3287</v>
      </c>
      <c r="F41" s="14"/>
      <c r="G41" s="18" t="s">
        <v>80</v>
      </c>
      <c r="H41" s="17"/>
      <c r="I41" s="13">
        <v>5648</v>
      </c>
      <c r="J41" s="14">
        <v>2459</v>
      </c>
      <c r="K41" s="14">
        <v>3189</v>
      </c>
    </row>
    <row r="42" spans="1:11" ht="15" customHeight="1">
      <c r="A42" s="17" t="s">
        <v>81</v>
      </c>
      <c r="B42" s="17"/>
      <c r="C42" s="13">
        <v>1332</v>
      </c>
      <c r="D42" s="19">
        <v>700</v>
      </c>
      <c r="E42" s="19">
        <v>632</v>
      </c>
      <c r="F42" s="19"/>
      <c r="G42" s="18" t="s">
        <v>82</v>
      </c>
      <c r="H42" s="17"/>
      <c r="I42" s="13">
        <v>1401</v>
      </c>
      <c r="J42" s="19">
        <v>590</v>
      </c>
      <c r="K42" s="19">
        <v>811</v>
      </c>
    </row>
    <row r="43" spans="1:11" ht="15" customHeight="1">
      <c r="A43" s="17" t="s">
        <v>83</v>
      </c>
      <c r="B43" s="17"/>
      <c r="C43" s="13">
        <v>1341</v>
      </c>
      <c r="D43" s="19">
        <v>691</v>
      </c>
      <c r="E43" s="19">
        <v>650</v>
      </c>
      <c r="F43" s="19"/>
      <c r="G43" s="18" t="s">
        <v>84</v>
      </c>
      <c r="H43" s="17"/>
      <c r="I43" s="13">
        <v>1298</v>
      </c>
      <c r="J43" s="19">
        <v>586</v>
      </c>
      <c r="K43" s="19">
        <v>712</v>
      </c>
    </row>
    <row r="44" spans="1:11" ht="15" customHeight="1">
      <c r="A44" s="17" t="s">
        <v>85</v>
      </c>
      <c r="B44" s="17"/>
      <c r="C44" s="13">
        <v>1312</v>
      </c>
      <c r="D44" s="19">
        <v>718</v>
      </c>
      <c r="E44" s="19">
        <v>594</v>
      </c>
      <c r="F44" s="19"/>
      <c r="G44" s="18" t="s">
        <v>86</v>
      </c>
      <c r="H44" s="17"/>
      <c r="I44" s="13">
        <v>1039</v>
      </c>
      <c r="J44" s="19">
        <v>460</v>
      </c>
      <c r="K44" s="19">
        <v>579</v>
      </c>
    </row>
    <row r="45" spans="1:11" ht="15" customHeight="1">
      <c r="A45" s="17" t="s">
        <v>87</v>
      </c>
      <c r="B45" s="17"/>
      <c r="C45" s="13">
        <v>1438</v>
      </c>
      <c r="D45" s="19">
        <v>727</v>
      </c>
      <c r="E45" s="19">
        <v>711</v>
      </c>
      <c r="F45" s="19"/>
      <c r="G45" s="18" t="s">
        <v>88</v>
      </c>
      <c r="H45" s="17"/>
      <c r="I45" s="13">
        <v>937</v>
      </c>
      <c r="J45" s="19">
        <v>407</v>
      </c>
      <c r="K45" s="19">
        <v>530</v>
      </c>
    </row>
    <row r="46" spans="1:11" ht="15" customHeight="1">
      <c r="A46" s="17" t="s">
        <v>89</v>
      </c>
      <c r="B46" s="17"/>
      <c r="C46" s="13">
        <v>1466</v>
      </c>
      <c r="D46" s="19">
        <v>766</v>
      </c>
      <c r="E46" s="19">
        <v>700</v>
      </c>
      <c r="F46" s="19"/>
      <c r="G46" s="18" t="s">
        <v>90</v>
      </c>
      <c r="H46" s="17"/>
      <c r="I46" s="13">
        <v>973</v>
      </c>
      <c r="J46" s="19">
        <v>416</v>
      </c>
      <c r="K46" s="19">
        <v>557</v>
      </c>
    </row>
    <row r="47" spans="1:11" ht="20.100000000000001" customHeight="1">
      <c r="A47" s="17" t="s">
        <v>91</v>
      </c>
      <c r="B47" s="17"/>
      <c r="C47" s="13">
        <v>7521</v>
      </c>
      <c r="D47" s="14">
        <v>3973</v>
      </c>
      <c r="E47" s="14">
        <v>3548</v>
      </c>
      <c r="F47" s="14"/>
      <c r="G47" s="18" t="s">
        <v>92</v>
      </c>
      <c r="H47" s="17"/>
      <c r="I47" s="13">
        <v>3145</v>
      </c>
      <c r="J47" s="14">
        <v>1254</v>
      </c>
      <c r="K47" s="14">
        <v>1891</v>
      </c>
    </row>
    <row r="48" spans="1:11" ht="15" customHeight="1">
      <c r="A48" s="17" t="s">
        <v>93</v>
      </c>
      <c r="B48" s="17"/>
      <c r="C48" s="13">
        <v>1442</v>
      </c>
      <c r="D48" s="19">
        <v>769</v>
      </c>
      <c r="E48" s="19">
        <v>673</v>
      </c>
      <c r="F48" s="19"/>
      <c r="G48" s="18" t="s">
        <v>94</v>
      </c>
      <c r="H48" s="17"/>
      <c r="I48" s="13">
        <v>873</v>
      </c>
      <c r="J48" s="19">
        <v>381</v>
      </c>
      <c r="K48" s="19">
        <v>492</v>
      </c>
    </row>
    <row r="49" spans="1:11" ht="15" customHeight="1">
      <c r="A49" s="17" t="s">
        <v>95</v>
      </c>
      <c r="B49" s="17"/>
      <c r="C49" s="13">
        <v>1519</v>
      </c>
      <c r="D49" s="19">
        <v>793</v>
      </c>
      <c r="E49" s="19">
        <v>726</v>
      </c>
      <c r="F49" s="19"/>
      <c r="G49" s="18" t="s">
        <v>96</v>
      </c>
      <c r="H49" s="17"/>
      <c r="I49" s="13">
        <v>736</v>
      </c>
      <c r="J49" s="19">
        <v>309</v>
      </c>
      <c r="K49" s="19">
        <v>427</v>
      </c>
    </row>
    <row r="50" spans="1:11" ht="15" customHeight="1">
      <c r="A50" s="17" t="s">
        <v>97</v>
      </c>
      <c r="B50" s="17"/>
      <c r="C50" s="13">
        <v>1454</v>
      </c>
      <c r="D50" s="19">
        <v>768</v>
      </c>
      <c r="E50" s="19">
        <v>686</v>
      </c>
      <c r="F50" s="19"/>
      <c r="G50" s="18" t="s">
        <v>98</v>
      </c>
      <c r="H50" s="17"/>
      <c r="I50" s="13">
        <v>605</v>
      </c>
      <c r="J50" s="19">
        <v>237</v>
      </c>
      <c r="K50" s="19">
        <v>368</v>
      </c>
    </row>
    <row r="51" spans="1:11" ht="15" customHeight="1">
      <c r="A51" s="17" t="s">
        <v>99</v>
      </c>
      <c r="B51" s="17"/>
      <c r="C51" s="13">
        <v>1530</v>
      </c>
      <c r="D51" s="19">
        <v>818</v>
      </c>
      <c r="E51" s="19">
        <v>712</v>
      </c>
      <c r="F51" s="19"/>
      <c r="G51" s="18" t="s">
        <v>100</v>
      </c>
      <c r="H51" s="17"/>
      <c r="I51" s="13">
        <v>509</v>
      </c>
      <c r="J51" s="19">
        <v>198</v>
      </c>
      <c r="K51" s="19">
        <v>311</v>
      </c>
    </row>
    <row r="52" spans="1:11" ht="15" customHeight="1">
      <c r="A52" s="17" t="s">
        <v>101</v>
      </c>
      <c r="B52" s="17"/>
      <c r="C52" s="13">
        <v>1576</v>
      </c>
      <c r="D52" s="19">
        <v>825</v>
      </c>
      <c r="E52" s="19">
        <v>751</v>
      </c>
      <c r="F52" s="19"/>
      <c r="G52" s="18" t="s">
        <v>102</v>
      </c>
      <c r="H52" s="17"/>
      <c r="I52" s="13">
        <v>422</v>
      </c>
      <c r="J52" s="19">
        <v>129</v>
      </c>
      <c r="K52" s="19">
        <v>293</v>
      </c>
    </row>
    <row r="53" spans="1:11" ht="20.100000000000001" customHeight="1">
      <c r="A53" s="17" t="s">
        <v>103</v>
      </c>
      <c r="B53" s="17"/>
      <c r="C53" s="13">
        <v>8684</v>
      </c>
      <c r="D53" s="14">
        <v>4530</v>
      </c>
      <c r="E53" s="14">
        <v>4154</v>
      </c>
      <c r="F53" s="14"/>
      <c r="G53" s="18" t="s">
        <v>104</v>
      </c>
      <c r="H53" s="17"/>
      <c r="I53" s="13">
        <v>1294</v>
      </c>
      <c r="J53" s="14">
        <v>362</v>
      </c>
      <c r="K53" s="14">
        <v>932</v>
      </c>
    </row>
    <row r="54" spans="1:11" ht="15" customHeight="1">
      <c r="A54" s="17" t="s">
        <v>105</v>
      </c>
      <c r="B54" s="17"/>
      <c r="C54" s="13">
        <v>1601</v>
      </c>
      <c r="D54" s="19">
        <v>857</v>
      </c>
      <c r="E54" s="19">
        <v>744</v>
      </c>
      <c r="F54" s="19"/>
      <c r="G54" s="18" t="s">
        <v>106</v>
      </c>
      <c r="H54" s="17"/>
      <c r="I54" s="13">
        <v>369</v>
      </c>
      <c r="J54" s="19">
        <v>117</v>
      </c>
      <c r="K54" s="19">
        <v>252</v>
      </c>
    </row>
    <row r="55" spans="1:11" ht="15" customHeight="1">
      <c r="A55" s="17" t="s">
        <v>107</v>
      </c>
      <c r="B55" s="17"/>
      <c r="C55" s="13">
        <v>1649</v>
      </c>
      <c r="D55" s="19">
        <v>828</v>
      </c>
      <c r="E55" s="19">
        <v>821</v>
      </c>
      <c r="F55" s="19"/>
      <c r="G55" s="18" t="s">
        <v>108</v>
      </c>
      <c r="H55" s="17"/>
      <c r="I55" s="13">
        <v>284</v>
      </c>
      <c r="J55" s="19">
        <v>72</v>
      </c>
      <c r="K55" s="19">
        <v>212</v>
      </c>
    </row>
    <row r="56" spans="1:11" ht="15" customHeight="1">
      <c r="A56" s="17" t="s">
        <v>109</v>
      </c>
      <c r="B56" s="17"/>
      <c r="C56" s="13">
        <v>1736</v>
      </c>
      <c r="D56" s="19">
        <v>920</v>
      </c>
      <c r="E56" s="19">
        <v>816</v>
      </c>
      <c r="F56" s="19"/>
      <c r="G56" s="18" t="s">
        <v>110</v>
      </c>
      <c r="H56" s="17"/>
      <c r="I56" s="13">
        <v>273</v>
      </c>
      <c r="J56" s="19">
        <v>80</v>
      </c>
      <c r="K56" s="19">
        <v>193</v>
      </c>
    </row>
    <row r="57" spans="1:11" ht="15" customHeight="1">
      <c r="A57" s="17" t="s">
        <v>111</v>
      </c>
      <c r="B57" s="17"/>
      <c r="C57" s="13">
        <v>1786</v>
      </c>
      <c r="D57" s="19">
        <v>899</v>
      </c>
      <c r="E57" s="19">
        <v>887</v>
      </c>
      <c r="F57" s="19"/>
      <c r="G57" s="18" t="s">
        <v>112</v>
      </c>
      <c r="H57" s="17"/>
      <c r="I57" s="13">
        <v>199</v>
      </c>
      <c r="J57" s="19">
        <v>53</v>
      </c>
      <c r="K57" s="19">
        <v>146</v>
      </c>
    </row>
    <row r="58" spans="1:11" ht="15" customHeight="1">
      <c r="A58" s="17" t="s">
        <v>113</v>
      </c>
      <c r="B58" s="17"/>
      <c r="C58" s="13">
        <v>1912</v>
      </c>
      <c r="D58" s="19">
        <v>1026</v>
      </c>
      <c r="E58" s="19">
        <v>886</v>
      </c>
      <c r="F58" s="19"/>
      <c r="G58" s="18" t="s">
        <v>114</v>
      </c>
      <c r="H58" s="17"/>
      <c r="I58" s="13">
        <v>169</v>
      </c>
      <c r="J58" s="19">
        <v>40</v>
      </c>
      <c r="K58" s="19">
        <v>129</v>
      </c>
    </row>
    <row r="59" spans="1:11" ht="20.100000000000001" customHeight="1">
      <c r="A59" s="17" t="s">
        <v>115</v>
      </c>
      <c r="B59" s="17"/>
      <c r="C59" s="13">
        <v>10980</v>
      </c>
      <c r="D59" s="14">
        <v>5697</v>
      </c>
      <c r="E59" s="14">
        <v>5283</v>
      </c>
      <c r="F59" s="14"/>
      <c r="G59" s="18" t="s">
        <v>116</v>
      </c>
      <c r="H59" s="17"/>
      <c r="I59" s="13">
        <v>306</v>
      </c>
      <c r="J59" s="14">
        <v>64</v>
      </c>
      <c r="K59" s="14">
        <v>242</v>
      </c>
    </row>
    <row r="60" spans="1:11" ht="15" customHeight="1">
      <c r="A60" s="17" t="s">
        <v>117</v>
      </c>
      <c r="B60" s="17"/>
      <c r="C60" s="13">
        <v>2026</v>
      </c>
      <c r="D60" s="19">
        <v>1018</v>
      </c>
      <c r="E60" s="19">
        <v>1008</v>
      </c>
      <c r="F60" s="19"/>
      <c r="G60" s="18" t="s">
        <v>118</v>
      </c>
      <c r="H60" s="17"/>
      <c r="I60" s="13">
        <v>94</v>
      </c>
      <c r="J60" s="19">
        <v>28</v>
      </c>
      <c r="K60" s="19">
        <v>66</v>
      </c>
    </row>
    <row r="61" spans="1:11" ht="15" customHeight="1">
      <c r="A61" s="17" t="s">
        <v>119</v>
      </c>
      <c r="B61" s="17"/>
      <c r="C61" s="13">
        <v>2070</v>
      </c>
      <c r="D61" s="19">
        <v>1093</v>
      </c>
      <c r="E61" s="19">
        <v>977</v>
      </c>
      <c r="F61" s="19"/>
      <c r="G61" s="18" t="s">
        <v>120</v>
      </c>
      <c r="H61" s="17"/>
      <c r="I61" s="13">
        <v>71</v>
      </c>
      <c r="J61" s="19">
        <v>10</v>
      </c>
      <c r="K61" s="19">
        <v>61</v>
      </c>
    </row>
    <row r="62" spans="1:11" ht="15" customHeight="1">
      <c r="A62" s="17" t="s">
        <v>121</v>
      </c>
      <c r="B62" s="17"/>
      <c r="C62" s="13">
        <v>2213</v>
      </c>
      <c r="D62" s="19">
        <v>1157</v>
      </c>
      <c r="E62" s="19">
        <v>1056</v>
      </c>
      <c r="F62" s="19"/>
      <c r="G62" s="18" t="s">
        <v>122</v>
      </c>
      <c r="H62" s="17"/>
      <c r="I62" s="13">
        <v>67</v>
      </c>
      <c r="J62" s="19">
        <v>14</v>
      </c>
      <c r="K62" s="19">
        <v>53</v>
      </c>
    </row>
    <row r="63" spans="1:11" ht="15" customHeight="1">
      <c r="A63" s="17" t="s">
        <v>123</v>
      </c>
      <c r="B63" s="17"/>
      <c r="C63" s="13">
        <v>2313</v>
      </c>
      <c r="D63" s="19">
        <v>1199</v>
      </c>
      <c r="E63" s="19">
        <v>1114</v>
      </c>
      <c r="F63" s="19"/>
      <c r="G63" s="18" t="s">
        <v>124</v>
      </c>
      <c r="H63" s="17"/>
      <c r="I63" s="13">
        <v>46</v>
      </c>
      <c r="J63" s="19">
        <v>7</v>
      </c>
      <c r="K63" s="19">
        <v>39</v>
      </c>
    </row>
    <row r="64" spans="1:11" ht="15" customHeight="1">
      <c r="A64" s="17" t="s">
        <v>125</v>
      </c>
      <c r="B64" s="17"/>
      <c r="C64" s="13">
        <v>2358</v>
      </c>
      <c r="D64" s="19">
        <v>1230</v>
      </c>
      <c r="E64" s="19">
        <v>1128</v>
      </c>
      <c r="F64" s="19"/>
      <c r="G64" s="18" t="s">
        <v>126</v>
      </c>
      <c r="H64" s="17"/>
      <c r="I64" s="13">
        <v>28</v>
      </c>
      <c r="J64" s="19">
        <v>5</v>
      </c>
      <c r="K64" s="19">
        <v>23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41</v>
      </c>
      <c r="J65" s="19">
        <v>9</v>
      </c>
      <c r="K65" s="19">
        <v>32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3342</v>
      </c>
      <c r="J66" s="27">
        <v>1461</v>
      </c>
      <c r="K66" s="27">
        <v>1881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9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83304</v>
      </c>
      <c r="D4" s="14">
        <v>42175</v>
      </c>
      <c r="E4" s="14">
        <v>4112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2863</v>
      </c>
      <c r="D5" s="14">
        <v>1539</v>
      </c>
      <c r="E5" s="14">
        <v>1324</v>
      </c>
      <c r="F5" s="14"/>
      <c r="G5" s="18" t="s">
        <v>8</v>
      </c>
      <c r="H5" s="17"/>
      <c r="I5" s="13">
        <v>6830</v>
      </c>
      <c r="J5" s="14">
        <v>3674</v>
      </c>
      <c r="K5" s="14">
        <v>3156</v>
      </c>
    </row>
    <row r="6" spans="1:11" ht="15" customHeight="1">
      <c r="A6" s="17" t="s">
        <v>9</v>
      </c>
      <c r="B6" s="17"/>
      <c r="C6" s="13">
        <v>579</v>
      </c>
      <c r="D6" s="19">
        <v>299</v>
      </c>
      <c r="E6" s="19">
        <v>280</v>
      </c>
      <c r="F6" s="19"/>
      <c r="G6" s="18" t="s">
        <v>10</v>
      </c>
      <c r="H6" s="17"/>
      <c r="I6" s="13">
        <v>1487</v>
      </c>
      <c r="J6" s="19">
        <v>774</v>
      </c>
      <c r="K6" s="19">
        <v>713</v>
      </c>
    </row>
    <row r="7" spans="1:11" ht="15" customHeight="1">
      <c r="A7" s="17" t="s">
        <v>11</v>
      </c>
      <c r="B7" s="17"/>
      <c r="C7" s="13">
        <v>517</v>
      </c>
      <c r="D7" s="19">
        <v>293</v>
      </c>
      <c r="E7" s="19">
        <v>224</v>
      </c>
      <c r="F7" s="19"/>
      <c r="G7" s="18" t="s">
        <v>12</v>
      </c>
      <c r="H7" s="17"/>
      <c r="I7" s="13">
        <v>1408</v>
      </c>
      <c r="J7" s="19">
        <v>761</v>
      </c>
      <c r="K7" s="19">
        <v>647</v>
      </c>
    </row>
    <row r="8" spans="1:11" ht="15" customHeight="1">
      <c r="A8" s="17" t="s">
        <v>13</v>
      </c>
      <c r="B8" s="17"/>
      <c r="C8" s="13">
        <v>555</v>
      </c>
      <c r="D8" s="19">
        <v>278</v>
      </c>
      <c r="E8" s="19">
        <v>277</v>
      </c>
      <c r="F8" s="19"/>
      <c r="G8" s="18" t="s">
        <v>14</v>
      </c>
      <c r="H8" s="17"/>
      <c r="I8" s="13">
        <v>1312</v>
      </c>
      <c r="J8" s="19">
        <v>717</v>
      </c>
      <c r="K8" s="19">
        <v>595</v>
      </c>
    </row>
    <row r="9" spans="1:11" ht="15" customHeight="1">
      <c r="A9" s="17" t="s">
        <v>15</v>
      </c>
      <c r="B9" s="17"/>
      <c r="C9" s="13">
        <v>593</v>
      </c>
      <c r="D9" s="19">
        <v>323</v>
      </c>
      <c r="E9" s="19">
        <v>270</v>
      </c>
      <c r="F9" s="19"/>
      <c r="G9" s="18" t="s">
        <v>16</v>
      </c>
      <c r="H9" s="17"/>
      <c r="I9" s="13">
        <v>1341</v>
      </c>
      <c r="J9" s="19">
        <v>729</v>
      </c>
      <c r="K9" s="19">
        <v>612</v>
      </c>
    </row>
    <row r="10" spans="1:11" ht="15" customHeight="1">
      <c r="A10" s="17" t="s">
        <v>17</v>
      </c>
      <c r="B10" s="17"/>
      <c r="C10" s="13">
        <v>619</v>
      </c>
      <c r="D10" s="19">
        <v>346</v>
      </c>
      <c r="E10" s="19">
        <v>273</v>
      </c>
      <c r="F10" s="19"/>
      <c r="G10" s="18" t="s">
        <v>18</v>
      </c>
      <c r="H10" s="17"/>
      <c r="I10" s="13">
        <v>1282</v>
      </c>
      <c r="J10" s="19">
        <v>693</v>
      </c>
      <c r="K10" s="19">
        <v>589</v>
      </c>
    </row>
    <row r="11" spans="1:11" ht="20.100000000000001" customHeight="1">
      <c r="A11" s="17" t="s">
        <v>19</v>
      </c>
      <c r="B11" s="17"/>
      <c r="C11" s="13">
        <v>3603</v>
      </c>
      <c r="D11" s="14">
        <v>1799</v>
      </c>
      <c r="E11" s="14">
        <v>1804</v>
      </c>
      <c r="F11" s="14"/>
      <c r="G11" s="18" t="s">
        <v>20</v>
      </c>
      <c r="H11" s="17"/>
      <c r="I11" s="13">
        <v>4663</v>
      </c>
      <c r="J11" s="14">
        <v>2528</v>
      </c>
      <c r="K11" s="14">
        <v>2135</v>
      </c>
    </row>
    <row r="12" spans="1:11" ht="15" customHeight="1">
      <c r="A12" s="17" t="s">
        <v>21</v>
      </c>
      <c r="B12" s="17"/>
      <c r="C12" s="13">
        <v>651</v>
      </c>
      <c r="D12" s="19">
        <v>330</v>
      </c>
      <c r="E12" s="19">
        <v>321</v>
      </c>
      <c r="F12" s="19"/>
      <c r="G12" s="18" t="s">
        <v>22</v>
      </c>
      <c r="H12" s="17"/>
      <c r="I12" s="13">
        <v>913</v>
      </c>
      <c r="J12" s="19">
        <v>494</v>
      </c>
      <c r="K12" s="19">
        <v>419</v>
      </c>
    </row>
    <row r="13" spans="1:11" ht="15" customHeight="1">
      <c r="A13" s="17" t="s">
        <v>23</v>
      </c>
      <c r="B13" s="17"/>
      <c r="C13" s="13">
        <v>714</v>
      </c>
      <c r="D13" s="19">
        <v>377</v>
      </c>
      <c r="E13" s="19">
        <v>337</v>
      </c>
      <c r="F13" s="19"/>
      <c r="G13" s="18" t="s">
        <v>24</v>
      </c>
      <c r="H13" s="17"/>
      <c r="I13" s="13">
        <v>1063</v>
      </c>
      <c r="J13" s="19">
        <v>560</v>
      </c>
      <c r="K13" s="19">
        <v>503</v>
      </c>
    </row>
    <row r="14" spans="1:11" ht="15" customHeight="1">
      <c r="A14" s="17" t="s">
        <v>25</v>
      </c>
      <c r="B14" s="17"/>
      <c r="C14" s="13">
        <v>734</v>
      </c>
      <c r="D14" s="19">
        <v>347</v>
      </c>
      <c r="E14" s="19">
        <v>387</v>
      </c>
      <c r="F14" s="19"/>
      <c r="G14" s="18" t="s">
        <v>26</v>
      </c>
      <c r="H14" s="17"/>
      <c r="I14" s="13">
        <v>944</v>
      </c>
      <c r="J14" s="19">
        <v>530</v>
      </c>
      <c r="K14" s="19">
        <v>414</v>
      </c>
    </row>
    <row r="15" spans="1:11" ht="15" customHeight="1">
      <c r="A15" s="17" t="s">
        <v>27</v>
      </c>
      <c r="B15" s="17"/>
      <c r="C15" s="13">
        <v>745</v>
      </c>
      <c r="D15" s="19">
        <v>369</v>
      </c>
      <c r="E15" s="19">
        <v>376</v>
      </c>
      <c r="F15" s="19"/>
      <c r="G15" s="18" t="s">
        <v>28</v>
      </c>
      <c r="H15" s="17"/>
      <c r="I15" s="13">
        <v>891</v>
      </c>
      <c r="J15" s="19">
        <v>443</v>
      </c>
      <c r="K15" s="19">
        <v>448</v>
      </c>
    </row>
    <row r="16" spans="1:11" ht="15" customHeight="1">
      <c r="A16" s="17" t="s">
        <v>29</v>
      </c>
      <c r="B16" s="17"/>
      <c r="C16" s="13">
        <v>759</v>
      </c>
      <c r="D16" s="19">
        <v>376</v>
      </c>
      <c r="E16" s="19">
        <v>383</v>
      </c>
      <c r="F16" s="19"/>
      <c r="G16" s="18" t="s">
        <v>30</v>
      </c>
      <c r="H16" s="17"/>
      <c r="I16" s="13">
        <v>852</v>
      </c>
      <c r="J16" s="19">
        <v>501</v>
      </c>
      <c r="K16" s="19">
        <v>351</v>
      </c>
    </row>
    <row r="17" spans="1:11" ht="20.100000000000001" customHeight="1">
      <c r="A17" s="20" t="s">
        <v>31</v>
      </c>
      <c r="B17" s="20"/>
      <c r="C17" s="13">
        <v>4096</v>
      </c>
      <c r="D17" s="14">
        <v>2084</v>
      </c>
      <c r="E17" s="14">
        <v>2012</v>
      </c>
      <c r="F17" s="14"/>
      <c r="G17" s="18" t="s">
        <v>32</v>
      </c>
      <c r="H17" s="17"/>
      <c r="I17" s="13">
        <v>3920</v>
      </c>
      <c r="J17" s="14">
        <v>1994</v>
      </c>
      <c r="K17" s="14">
        <v>1926</v>
      </c>
    </row>
    <row r="18" spans="1:11" ht="15" customHeight="1">
      <c r="A18" s="17" t="s">
        <v>33</v>
      </c>
      <c r="B18" s="17"/>
      <c r="C18" s="13">
        <v>780</v>
      </c>
      <c r="D18" s="19">
        <v>398</v>
      </c>
      <c r="E18" s="19">
        <v>382</v>
      </c>
      <c r="F18" s="19"/>
      <c r="G18" s="18" t="s">
        <v>34</v>
      </c>
      <c r="H18" s="17"/>
      <c r="I18" s="13">
        <v>817</v>
      </c>
      <c r="J18" s="19">
        <v>445</v>
      </c>
      <c r="K18" s="19">
        <v>372</v>
      </c>
    </row>
    <row r="19" spans="1:11" ht="15" customHeight="1">
      <c r="A19" s="17" t="s">
        <v>35</v>
      </c>
      <c r="B19" s="17"/>
      <c r="C19" s="13">
        <v>861</v>
      </c>
      <c r="D19" s="19">
        <v>460</v>
      </c>
      <c r="E19" s="19">
        <v>401</v>
      </c>
      <c r="F19" s="19"/>
      <c r="G19" s="18" t="s">
        <v>36</v>
      </c>
      <c r="H19" s="17"/>
      <c r="I19" s="13">
        <v>772</v>
      </c>
      <c r="J19" s="19">
        <v>402</v>
      </c>
      <c r="K19" s="19">
        <v>370</v>
      </c>
    </row>
    <row r="20" spans="1:11" ht="15" customHeight="1">
      <c r="A20" s="17" t="s">
        <v>37</v>
      </c>
      <c r="B20" s="17"/>
      <c r="C20" s="13">
        <v>778</v>
      </c>
      <c r="D20" s="19">
        <v>388</v>
      </c>
      <c r="E20" s="19">
        <v>390</v>
      </c>
      <c r="F20" s="19"/>
      <c r="G20" s="18" t="s">
        <v>38</v>
      </c>
      <c r="H20" s="17"/>
      <c r="I20" s="13">
        <v>802</v>
      </c>
      <c r="J20" s="19">
        <v>402</v>
      </c>
      <c r="K20" s="19">
        <v>400</v>
      </c>
    </row>
    <row r="21" spans="1:11" ht="15" customHeight="1">
      <c r="A21" s="17" t="s">
        <v>39</v>
      </c>
      <c r="B21" s="17"/>
      <c r="C21" s="13">
        <v>872</v>
      </c>
      <c r="D21" s="19">
        <v>422</v>
      </c>
      <c r="E21" s="19">
        <v>450</v>
      </c>
      <c r="F21" s="19"/>
      <c r="G21" s="18" t="s">
        <v>40</v>
      </c>
      <c r="H21" s="17"/>
      <c r="I21" s="13">
        <v>780</v>
      </c>
      <c r="J21" s="19">
        <v>365</v>
      </c>
      <c r="K21" s="19">
        <v>415</v>
      </c>
    </row>
    <row r="22" spans="1:11" ht="15" customHeight="1">
      <c r="A22" s="17" t="s">
        <v>41</v>
      </c>
      <c r="B22" s="17"/>
      <c r="C22" s="13">
        <v>805</v>
      </c>
      <c r="D22" s="19">
        <v>416</v>
      </c>
      <c r="E22" s="19">
        <v>389</v>
      </c>
      <c r="F22" s="19"/>
      <c r="G22" s="18" t="s">
        <v>42</v>
      </c>
      <c r="H22" s="17"/>
      <c r="I22" s="13">
        <v>749</v>
      </c>
      <c r="J22" s="19">
        <v>380</v>
      </c>
      <c r="K22" s="19">
        <v>369</v>
      </c>
    </row>
    <row r="23" spans="1:11" ht="20.100000000000001" customHeight="1">
      <c r="A23" s="17" t="s">
        <v>43</v>
      </c>
      <c r="B23" s="17"/>
      <c r="C23" s="13">
        <v>4059</v>
      </c>
      <c r="D23" s="14">
        <v>2023</v>
      </c>
      <c r="E23" s="14">
        <v>2036</v>
      </c>
      <c r="F23" s="14"/>
      <c r="G23" s="18" t="s">
        <v>44</v>
      </c>
      <c r="H23" s="17"/>
      <c r="I23" s="13">
        <v>4356</v>
      </c>
      <c r="J23" s="14">
        <v>2122</v>
      </c>
      <c r="K23" s="14">
        <v>2234</v>
      </c>
    </row>
    <row r="24" spans="1:11" ht="15" customHeight="1">
      <c r="A24" s="17" t="s">
        <v>45</v>
      </c>
      <c r="B24" s="17"/>
      <c r="C24" s="13">
        <v>808</v>
      </c>
      <c r="D24" s="19">
        <v>409</v>
      </c>
      <c r="E24" s="19">
        <v>399</v>
      </c>
      <c r="F24" s="19"/>
      <c r="G24" s="18" t="s">
        <v>46</v>
      </c>
      <c r="H24" s="17"/>
      <c r="I24" s="13">
        <v>821</v>
      </c>
      <c r="J24" s="19">
        <v>415</v>
      </c>
      <c r="K24" s="19">
        <v>406</v>
      </c>
    </row>
    <row r="25" spans="1:11" ht="15" customHeight="1">
      <c r="A25" s="17" t="s">
        <v>47</v>
      </c>
      <c r="B25" s="17"/>
      <c r="C25" s="13">
        <v>786</v>
      </c>
      <c r="D25" s="19">
        <v>432</v>
      </c>
      <c r="E25" s="19">
        <v>354</v>
      </c>
      <c r="F25" s="19"/>
      <c r="G25" s="18" t="s">
        <v>48</v>
      </c>
      <c r="H25" s="17"/>
      <c r="I25" s="13">
        <v>829</v>
      </c>
      <c r="J25" s="19">
        <v>380</v>
      </c>
      <c r="K25" s="19">
        <v>449</v>
      </c>
    </row>
    <row r="26" spans="1:11" ht="15" customHeight="1">
      <c r="A26" s="17" t="s">
        <v>49</v>
      </c>
      <c r="B26" s="17"/>
      <c r="C26" s="13">
        <v>834</v>
      </c>
      <c r="D26" s="19">
        <v>399</v>
      </c>
      <c r="E26" s="19">
        <v>435</v>
      </c>
      <c r="F26" s="19"/>
      <c r="G26" s="18" t="s">
        <v>50</v>
      </c>
      <c r="H26" s="17"/>
      <c r="I26" s="13">
        <v>834</v>
      </c>
      <c r="J26" s="19">
        <v>421</v>
      </c>
      <c r="K26" s="19">
        <v>413</v>
      </c>
    </row>
    <row r="27" spans="1:11" ht="15" customHeight="1">
      <c r="A27" s="17" t="s">
        <v>51</v>
      </c>
      <c r="B27" s="17"/>
      <c r="C27" s="13">
        <v>819</v>
      </c>
      <c r="D27" s="19">
        <v>402</v>
      </c>
      <c r="E27" s="19">
        <v>417</v>
      </c>
      <c r="F27" s="19"/>
      <c r="G27" s="18" t="s">
        <v>52</v>
      </c>
      <c r="H27" s="17"/>
      <c r="I27" s="13">
        <v>910</v>
      </c>
      <c r="J27" s="19">
        <v>412</v>
      </c>
      <c r="K27" s="19">
        <v>498</v>
      </c>
    </row>
    <row r="28" spans="1:11" ht="15" customHeight="1">
      <c r="A28" s="17" t="s">
        <v>53</v>
      </c>
      <c r="B28" s="17"/>
      <c r="C28" s="13">
        <v>812</v>
      </c>
      <c r="D28" s="19">
        <v>381</v>
      </c>
      <c r="E28" s="19">
        <v>431</v>
      </c>
      <c r="F28" s="19"/>
      <c r="G28" s="18" t="s">
        <v>54</v>
      </c>
      <c r="H28" s="17"/>
      <c r="I28" s="13">
        <v>962</v>
      </c>
      <c r="J28" s="19">
        <v>494</v>
      </c>
      <c r="K28" s="19">
        <v>468</v>
      </c>
    </row>
    <row r="29" spans="1:11" ht="20.100000000000001" customHeight="1">
      <c r="A29" s="17" t="s">
        <v>55</v>
      </c>
      <c r="B29" s="17"/>
      <c r="C29" s="13">
        <v>3955</v>
      </c>
      <c r="D29" s="14">
        <v>2101</v>
      </c>
      <c r="E29" s="14">
        <v>1854</v>
      </c>
      <c r="F29" s="14"/>
      <c r="G29" s="18" t="s">
        <v>56</v>
      </c>
      <c r="H29" s="17"/>
      <c r="I29" s="13">
        <v>6408</v>
      </c>
      <c r="J29" s="14">
        <v>2925</v>
      </c>
      <c r="K29" s="14">
        <v>3483</v>
      </c>
    </row>
    <row r="30" spans="1:11" ht="15" customHeight="1">
      <c r="A30" s="17" t="s">
        <v>57</v>
      </c>
      <c r="B30" s="17"/>
      <c r="C30" s="13">
        <v>793</v>
      </c>
      <c r="D30" s="19">
        <v>377</v>
      </c>
      <c r="E30" s="19">
        <v>416</v>
      </c>
      <c r="F30" s="19"/>
      <c r="G30" s="18" t="s">
        <v>58</v>
      </c>
      <c r="H30" s="17"/>
      <c r="I30" s="13">
        <v>1086</v>
      </c>
      <c r="J30" s="19">
        <v>503</v>
      </c>
      <c r="K30" s="19">
        <v>583</v>
      </c>
    </row>
    <row r="31" spans="1:11" ht="15" customHeight="1">
      <c r="A31" s="17" t="s">
        <v>59</v>
      </c>
      <c r="B31" s="17"/>
      <c r="C31" s="13">
        <v>832</v>
      </c>
      <c r="D31" s="19">
        <v>438</v>
      </c>
      <c r="E31" s="19">
        <v>394</v>
      </c>
      <c r="F31" s="19"/>
      <c r="G31" s="18" t="s">
        <v>60</v>
      </c>
      <c r="H31" s="17"/>
      <c r="I31" s="13">
        <v>1259</v>
      </c>
      <c r="J31" s="19">
        <v>589</v>
      </c>
      <c r="K31" s="19">
        <v>670</v>
      </c>
    </row>
    <row r="32" spans="1:11" ht="15" customHeight="1">
      <c r="A32" s="17" t="s">
        <v>61</v>
      </c>
      <c r="B32" s="17"/>
      <c r="C32" s="13">
        <v>731</v>
      </c>
      <c r="D32" s="19">
        <v>397</v>
      </c>
      <c r="E32" s="19">
        <v>334</v>
      </c>
      <c r="F32" s="19"/>
      <c r="G32" s="18" t="s">
        <v>62</v>
      </c>
      <c r="H32" s="17"/>
      <c r="I32" s="13">
        <v>1387</v>
      </c>
      <c r="J32" s="19">
        <v>636</v>
      </c>
      <c r="K32" s="19">
        <v>751</v>
      </c>
    </row>
    <row r="33" spans="1:11" ht="15" customHeight="1">
      <c r="A33" s="17" t="s">
        <v>63</v>
      </c>
      <c r="B33" s="17"/>
      <c r="C33" s="13">
        <v>804</v>
      </c>
      <c r="D33" s="19">
        <v>425</v>
      </c>
      <c r="E33" s="19">
        <v>379</v>
      </c>
      <c r="F33" s="19"/>
      <c r="G33" s="18" t="s">
        <v>64</v>
      </c>
      <c r="H33" s="17"/>
      <c r="I33" s="13">
        <v>1346</v>
      </c>
      <c r="J33" s="19">
        <v>610</v>
      </c>
      <c r="K33" s="19">
        <v>736</v>
      </c>
    </row>
    <row r="34" spans="1:11" ht="15" customHeight="1">
      <c r="A34" s="17" t="s">
        <v>65</v>
      </c>
      <c r="B34" s="17"/>
      <c r="C34" s="13">
        <v>795</v>
      </c>
      <c r="D34" s="19">
        <v>464</v>
      </c>
      <c r="E34" s="19">
        <v>331</v>
      </c>
      <c r="F34" s="19"/>
      <c r="G34" s="18" t="s">
        <v>66</v>
      </c>
      <c r="H34" s="17"/>
      <c r="I34" s="13">
        <v>1330</v>
      </c>
      <c r="J34" s="19">
        <v>587</v>
      </c>
      <c r="K34" s="19">
        <v>743</v>
      </c>
    </row>
    <row r="35" spans="1:11" ht="20.100000000000001" customHeight="1">
      <c r="A35" s="17" t="s">
        <v>67</v>
      </c>
      <c r="B35" s="17"/>
      <c r="C35" s="13">
        <v>3742</v>
      </c>
      <c r="D35" s="14">
        <v>2042</v>
      </c>
      <c r="E35" s="14">
        <v>1700</v>
      </c>
      <c r="F35" s="14"/>
      <c r="G35" s="18" t="s">
        <v>68</v>
      </c>
      <c r="H35" s="17"/>
      <c r="I35" s="13">
        <v>5349</v>
      </c>
      <c r="J35" s="14">
        <v>2443</v>
      </c>
      <c r="K35" s="14">
        <v>2906</v>
      </c>
    </row>
    <row r="36" spans="1:11" ht="15" customHeight="1">
      <c r="A36" s="17" t="s">
        <v>69</v>
      </c>
      <c r="B36" s="17"/>
      <c r="C36" s="13">
        <v>742</v>
      </c>
      <c r="D36" s="19">
        <v>399</v>
      </c>
      <c r="E36" s="19">
        <v>343</v>
      </c>
      <c r="F36" s="19"/>
      <c r="G36" s="18" t="s">
        <v>70</v>
      </c>
      <c r="H36" s="17"/>
      <c r="I36" s="13">
        <v>1001</v>
      </c>
      <c r="J36" s="19">
        <v>469</v>
      </c>
      <c r="K36" s="19">
        <v>532</v>
      </c>
    </row>
    <row r="37" spans="1:11" ht="15" customHeight="1">
      <c r="A37" s="17" t="s">
        <v>71</v>
      </c>
      <c r="B37" s="17"/>
      <c r="C37" s="13">
        <v>803</v>
      </c>
      <c r="D37" s="19">
        <v>413</v>
      </c>
      <c r="E37" s="19">
        <v>390</v>
      </c>
      <c r="F37" s="19"/>
      <c r="G37" s="18" t="s">
        <v>72</v>
      </c>
      <c r="H37" s="17"/>
      <c r="I37" s="13">
        <v>914</v>
      </c>
      <c r="J37" s="19">
        <v>400</v>
      </c>
      <c r="K37" s="19">
        <v>514</v>
      </c>
    </row>
    <row r="38" spans="1:11" ht="15" customHeight="1">
      <c r="A38" s="17" t="s">
        <v>73</v>
      </c>
      <c r="B38" s="17"/>
      <c r="C38" s="13">
        <v>701</v>
      </c>
      <c r="D38" s="19">
        <v>391</v>
      </c>
      <c r="E38" s="19">
        <v>310</v>
      </c>
      <c r="F38" s="19"/>
      <c r="G38" s="18" t="s">
        <v>74</v>
      </c>
      <c r="H38" s="17"/>
      <c r="I38" s="13">
        <v>1158</v>
      </c>
      <c r="J38" s="19">
        <v>510</v>
      </c>
      <c r="K38" s="19">
        <v>648</v>
      </c>
    </row>
    <row r="39" spans="1:11" ht="15" customHeight="1">
      <c r="A39" s="17" t="s">
        <v>75</v>
      </c>
      <c r="B39" s="17"/>
      <c r="C39" s="13">
        <v>728</v>
      </c>
      <c r="D39" s="19">
        <v>414</v>
      </c>
      <c r="E39" s="19">
        <v>314</v>
      </c>
      <c r="F39" s="19"/>
      <c r="G39" s="18" t="s">
        <v>76</v>
      </c>
      <c r="H39" s="17"/>
      <c r="I39" s="13">
        <v>1146</v>
      </c>
      <c r="J39" s="19">
        <v>528</v>
      </c>
      <c r="K39" s="19">
        <v>618</v>
      </c>
    </row>
    <row r="40" spans="1:11" ht="15" customHeight="1">
      <c r="A40" s="17" t="s">
        <v>77</v>
      </c>
      <c r="B40" s="17"/>
      <c r="C40" s="13">
        <v>768</v>
      </c>
      <c r="D40" s="19">
        <v>425</v>
      </c>
      <c r="E40" s="19">
        <v>343</v>
      </c>
      <c r="F40" s="19"/>
      <c r="G40" s="18" t="s">
        <v>78</v>
      </c>
      <c r="H40" s="17"/>
      <c r="I40" s="13">
        <v>1130</v>
      </c>
      <c r="J40" s="19">
        <v>536</v>
      </c>
      <c r="K40" s="19">
        <v>594</v>
      </c>
    </row>
    <row r="41" spans="1:11" ht="20.100000000000001" customHeight="1">
      <c r="A41" s="17" t="s">
        <v>79</v>
      </c>
      <c r="B41" s="17"/>
      <c r="C41" s="13">
        <v>4070</v>
      </c>
      <c r="D41" s="14">
        <v>2216</v>
      </c>
      <c r="E41" s="14">
        <v>1854</v>
      </c>
      <c r="F41" s="14"/>
      <c r="G41" s="18" t="s">
        <v>80</v>
      </c>
      <c r="H41" s="17"/>
      <c r="I41" s="13">
        <v>4056</v>
      </c>
      <c r="J41" s="14">
        <v>1922</v>
      </c>
      <c r="K41" s="14">
        <v>2134</v>
      </c>
    </row>
    <row r="42" spans="1:11" ht="15" customHeight="1">
      <c r="A42" s="17" t="s">
        <v>81</v>
      </c>
      <c r="B42" s="17"/>
      <c r="C42" s="13">
        <v>787</v>
      </c>
      <c r="D42" s="19">
        <v>432</v>
      </c>
      <c r="E42" s="19">
        <v>355</v>
      </c>
      <c r="F42" s="19"/>
      <c r="G42" s="18" t="s">
        <v>82</v>
      </c>
      <c r="H42" s="17"/>
      <c r="I42" s="13">
        <v>1015</v>
      </c>
      <c r="J42" s="19">
        <v>473</v>
      </c>
      <c r="K42" s="19">
        <v>542</v>
      </c>
    </row>
    <row r="43" spans="1:11" ht="15" customHeight="1">
      <c r="A43" s="17" t="s">
        <v>83</v>
      </c>
      <c r="B43" s="17"/>
      <c r="C43" s="13">
        <v>774</v>
      </c>
      <c r="D43" s="19">
        <v>428</v>
      </c>
      <c r="E43" s="19">
        <v>346</v>
      </c>
      <c r="F43" s="19"/>
      <c r="G43" s="18" t="s">
        <v>84</v>
      </c>
      <c r="H43" s="17"/>
      <c r="I43" s="13">
        <v>930</v>
      </c>
      <c r="J43" s="19">
        <v>443</v>
      </c>
      <c r="K43" s="19">
        <v>487</v>
      </c>
    </row>
    <row r="44" spans="1:11" ht="15" customHeight="1">
      <c r="A44" s="17" t="s">
        <v>85</v>
      </c>
      <c r="B44" s="17"/>
      <c r="C44" s="13">
        <v>795</v>
      </c>
      <c r="D44" s="19">
        <v>440</v>
      </c>
      <c r="E44" s="19">
        <v>355</v>
      </c>
      <c r="F44" s="19"/>
      <c r="G44" s="18" t="s">
        <v>86</v>
      </c>
      <c r="H44" s="17"/>
      <c r="I44" s="13">
        <v>767</v>
      </c>
      <c r="J44" s="19">
        <v>392</v>
      </c>
      <c r="K44" s="19">
        <v>375</v>
      </c>
    </row>
    <row r="45" spans="1:11" ht="15" customHeight="1">
      <c r="A45" s="17" t="s">
        <v>87</v>
      </c>
      <c r="B45" s="17"/>
      <c r="C45" s="13">
        <v>892</v>
      </c>
      <c r="D45" s="19">
        <v>485</v>
      </c>
      <c r="E45" s="19">
        <v>407</v>
      </c>
      <c r="F45" s="19"/>
      <c r="G45" s="18" t="s">
        <v>88</v>
      </c>
      <c r="H45" s="17"/>
      <c r="I45" s="13">
        <v>693</v>
      </c>
      <c r="J45" s="19">
        <v>304</v>
      </c>
      <c r="K45" s="19">
        <v>389</v>
      </c>
    </row>
    <row r="46" spans="1:11" ht="15" customHeight="1">
      <c r="A46" s="17" t="s">
        <v>89</v>
      </c>
      <c r="B46" s="17"/>
      <c r="C46" s="13">
        <v>822</v>
      </c>
      <c r="D46" s="19">
        <v>431</v>
      </c>
      <c r="E46" s="19">
        <v>391</v>
      </c>
      <c r="F46" s="19"/>
      <c r="G46" s="18" t="s">
        <v>90</v>
      </c>
      <c r="H46" s="17"/>
      <c r="I46" s="13">
        <v>651</v>
      </c>
      <c r="J46" s="19">
        <v>310</v>
      </c>
      <c r="K46" s="19">
        <v>341</v>
      </c>
    </row>
    <row r="47" spans="1:11" ht="20.100000000000001" customHeight="1">
      <c r="A47" s="17" t="s">
        <v>91</v>
      </c>
      <c r="B47" s="17"/>
      <c r="C47" s="13">
        <v>4633</v>
      </c>
      <c r="D47" s="14">
        <v>2454</v>
      </c>
      <c r="E47" s="14">
        <v>2179</v>
      </c>
      <c r="F47" s="14"/>
      <c r="G47" s="18" t="s">
        <v>92</v>
      </c>
      <c r="H47" s="17"/>
      <c r="I47" s="13">
        <v>2007</v>
      </c>
      <c r="J47" s="14">
        <v>850</v>
      </c>
      <c r="K47" s="14">
        <v>1157</v>
      </c>
    </row>
    <row r="48" spans="1:11" ht="15" customHeight="1">
      <c r="A48" s="17" t="s">
        <v>93</v>
      </c>
      <c r="B48" s="17"/>
      <c r="C48" s="13">
        <v>892</v>
      </c>
      <c r="D48" s="19">
        <v>484</v>
      </c>
      <c r="E48" s="19">
        <v>408</v>
      </c>
      <c r="F48" s="19"/>
      <c r="G48" s="18" t="s">
        <v>94</v>
      </c>
      <c r="H48" s="17"/>
      <c r="I48" s="13">
        <v>503</v>
      </c>
      <c r="J48" s="19">
        <v>224</v>
      </c>
      <c r="K48" s="19">
        <v>279</v>
      </c>
    </row>
    <row r="49" spans="1:11" ht="15" customHeight="1">
      <c r="A49" s="17" t="s">
        <v>95</v>
      </c>
      <c r="B49" s="17"/>
      <c r="C49" s="13">
        <v>930</v>
      </c>
      <c r="D49" s="19">
        <v>480</v>
      </c>
      <c r="E49" s="19">
        <v>450</v>
      </c>
      <c r="F49" s="19"/>
      <c r="G49" s="18" t="s">
        <v>96</v>
      </c>
      <c r="H49" s="17"/>
      <c r="I49" s="13">
        <v>495</v>
      </c>
      <c r="J49" s="19">
        <v>230</v>
      </c>
      <c r="K49" s="19">
        <v>265</v>
      </c>
    </row>
    <row r="50" spans="1:11" ht="15" customHeight="1">
      <c r="A50" s="17" t="s">
        <v>97</v>
      </c>
      <c r="B50" s="17"/>
      <c r="C50" s="13">
        <v>894</v>
      </c>
      <c r="D50" s="19">
        <v>478</v>
      </c>
      <c r="E50" s="19">
        <v>416</v>
      </c>
      <c r="F50" s="19"/>
      <c r="G50" s="18" t="s">
        <v>98</v>
      </c>
      <c r="H50" s="17"/>
      <c r="I50" s="13">
        <v>409</v>
      </c>
      <c r="J50" s="19">
        <v>175</v>
      </c>
      <c r="K50" s="19">
        <v>234</v>
      </c>
    </row>
    <row r="51" spans="1:11" ht="15" customHeight="1">
      <c r="A51" s="17" t="s">
        <v>99</v>
      </c>
      <c r="B51" s="17"/>
      <c r="C51" s="13">
        <v>975</v>
      </c>
      <c r="D51" s="19">
        <v>520</v>
      </c>
      <c r="E51" s="19">
        <v>455</v>
      </c>
      <c r="F51" s="19"/>
      <c r="G51" s="18" t="s">
        <v>100</v>
      </c>
      <c r="H51" s="17"/>
      <c r="I51" s="13">
        <v>313</v>
      </c>
      <c r="J51" s="19">
        <v>118</v>
      </c>
      <c r="K51" s="19">
        <v>195</v>
      </c>
    </row>
    <row r="52" spans="1:11" ht="15" customHeight="1">
      <c r="A52" s="17" t="s">
        <v>101</v>
      </c>
      <c r="B52" s="17"/>
      <c r="C52" s="13">
        <v>942</v>
      </c>
      <c r="D52" s="19">
        <v>492</v>
      </c>
      <c r="E52" s="19">
        <v>450</v>
      </c>
      <c r="F52" s="19"/>
      <c r="G52" s="18" t="s">
        <v>102</v>
      </c>
      <c r="H52" s="17"/>
      <c r="I52" s="13">
        <v>287</v>
      </c>
      <c r="J52" s="19">
        <v>103</v>
      </c>
      <c r="K52" s="19">
        <v>184</v>
      </c>
    </row>
    <row r="53" spans="1:11" ht="20.100000000000001" customHeight="1">
      <c r="A53" s="17" t="s">
        <v>103</v>
      </c>
      <c r="B53" s="17"/>
      <c r="C53" s="13">
        <v>5514</v>
      </c>
      <c r="D53" s="14">
        <v>2974</v>
      </c>
      <c r="E53" s="14">
        <v>2540</v>
      </c>
      <c r="F53" s="14"/>
      <c r="G53" s="18" t="s">
        <v>104</v>
      </c>
      <c r="H53" s="17"/>
      <c r="I53" s="13">
        <v>766</v>
      </c>
      <c r="J53" s="14">
        <v>251</v>
      </c>
      <c r="K53" s="14">
        <v>515</v>
      </c>
    </row>
    <row r="54" spans="1:11" ht="15" customHeight="1">
      <c r="A54" s="17" t="s">
        <v>105</v>
      </c>
      <c r="B54" s="17"/>
      <c r="C54" s="13">
        <v>988</v>
      </c>
      <c r="D54" s="19">
        <v>538</v>
      </c>
      <c r="E54" s="19">
        <v>450</v>
      </c>
      <c r="F54" s="19"/>
      <c r="G54" s="18" t="s">
        <v>106</v>
      </c>
      <c r="H54" s="17"/>
      <c r="I54" s="13">
        <v>205</v>
      </c>
      <c r="J54" s="19">
        <v>80</v>
      </c>
      <c r="K54" s="19">
        <v>125</v>
      </c>
    </row>
    <row r="55" spans="1:11" ht="15" customHeight="1">
      <c r="A55" s="17" t="s">
        <v>107</v>
      </c>
      <c r="B55" s="17"/>
      <c r="C55" s="13">
        <v>1041</v>
      </c>
      <c r="D55" s="19">
        <v>552</v>
      </c>
      <c r="E55" s="19">
        <v>489</v>
      </c>
      <c r="F55" s="19"/>
      <c r="G55" s="18" t="s">
        <v>108</v>
      </c>
      <c r="H55" s="17"/>
      <c r="I55" s="13">
        <v>193</v>
      </c>
      <c r="J55" s="19">
        <v>62</v>
      </c>
      <c r="K55" s="19">
        <v>131</v>
      </c>
    </row>
    <row r="56" spans="1:11" ht="15" customHeight="1">
      <c r="A56" s="17" t="s">
        <v>109</v>
      </c>
      <c r="B56" s="17"/>
      <c r="C56" s="13">
        <v>1169</v>
      </c>
      <c r="D56" s="19">
        <v>633</v>
      </c>
      <c r="E56" s="19">
        <v>536</v>
      </c>
      <c r="F56" s="19"/>
      <c r="G56" s="18" t="s">
        <v>110</v>
      </c>
      <c r="H56" s="17"/>
      <c r="I56" s="13">
        <v>164</v>
      </c>
      <c r="J56" s="19">
        <v>47</v>
      </c>
      <c r="K56" s="19">
        <v>117</v>
      </c>
    </row>
    <row r="57" spans="1:11" ht="15" customHeight="1">
      <c r="A57" s="17" t="s">
        <v>111</v>
      </c>
      <c r="B57" s="17"/>
      <c r="C57" s="13">
        <v>1165</v>
      </c>
      <c r="D57" s="19">
        <v>626</v>
      </c>
      <c r="E57" s="19">
        <v>539</v>
      </c>
      <c r="F57" s="19"/>
      <c r="G57" s="18" t="s">
        <v>112</v>
      </c>
      <c r="H57" s="17"/>
      <c r="I57" s="13">
        <v>111</v>
      </c>
      <c r="J57" s="19">
        <v>41</v>
      </c>
      <c r="K57" s="19">
        <v>70</v>
      </c>
    </row>
    <row r="58" spans="1:11" ht="15" customHeight="1">
      <c r="A58" s="17" t="s">
        <v>113</v>
      </c>
      <c r="B58" s="17"/>
      <c r="C58" s="13">
        <v>1151</v>
      </c>
      <c r="D58" s="19">
        <v>625</v>
      </c>
      <c r="E58" s="19">
        <v>526</v>
      </c>
      <c r="F58" s="19"/>
      <c r="G58" s="18" t="s">
        <v>114</v>
      </c>
      <c r="H58" s="17"/>
      <c r="I58" s="13">
        <v>93</v>
      </c>
      <c r="J58" s="19">
        <v>21</v>
      </c>
      <c r="K58" s="19">
        <v>72</v>
      </c>
    </row>
    <row r="59" spans="1:11" ht="20.100000000000001" customHeight="1">
      <c r="A59" s="17" t="s">
        <v>115</v>
      </c>
      <c r="B59" s="17"/>
      <c r="C59" s="13">
        <v>7141</v>
      </c>
      <c r="D59" s="14">
        <v>3772</v>
      </c>
      <c r="E59" s="14">
        <v>3369</v>
      </c>
      <c r="F59" s="14"/>
      <c r="G59" s="18" t="s">
        <v>116</v>
      </c>
      <c r="H59" s="17"/>
      <c r="I59" s="13">
        <v>227</v>
      </c>
      <c r="J59" s="14">
        <v>45</v>
      </c>
      <c r="K59" s="14">
        <v>182</v>
      </c>
    </row>
    <row r="60" spans="1:11" ht="15" customHeight="1">
      <c r="A60" s="17" t="s">
        <v>117</v>
      </c>
      <c r="B60" s="17"/>
      <c r="C60" s="13">
        <v>1288</v>
      </c>
      <c r="D60" s="19">
        <v>697</v>
      </c>
      <c r="E60" s="19">
        <v>591</v>
      </c>
      <c r="F60" s="19"/>
      <c r="G60" s="18" t="s">
        <v>118</v>
      </c>
      <c r="H60" s="17"/>
      <c r="I60" s="13">
        <v>69</v>
      </c>
      <c r="J60" s="19">
        <v>16</v>
      </c>
      <c r="K60" s="19">
        <v>53</v>
      </c>
    </row>
    <row r="61" spans="1:11" ht="15" customHeight="1">
      <c r="A61" s="17" t="s">
        <v>119</v>
      </c>
      <c r="B61" s="17"/>
      <c r="C61" s="13">
        <v>1307</v>
      </c>
      <c r="D61" s="19">
        <v>681</v>
      </c>
      <c r="E61" s="19">
        <v>626</v>
      </c>
      <c r="F61" s="19"/>
      <c r="G61" s="18" t="s">
        <v>120</v>
      </c>
      <c r="H61" s="17"/>
      <c r="I61" s="13">
        <v>54</v>
      </c>
      <c r="J61" s="19">
        <v>16</v>
      </c>
      <c r="K61" s="19">
        <v>38</v>
      </c>
    </row>
    <row r="62" spans="1:11" ht="15" customHeight="1">
      <c r="A62" s="17" t="s">
        <v>121</v>
      </c>
      <c r="B62" s="17"/>
      <c r="C62" s="13">
        <v>1502</v>
      </c>
      <c r="D62" s="19">
        <v>785</v>
      </c>
      <c r="E62" s="19">
        <v>717</v>
      </c>
      <c r="F62" s="19"/>
      <c r="G62" s="18" t="s">
        <v>122</v>
      </c>
      <c r="H62" s="17"/>
      <c r="I62" s="13">
        <v>45</v>
      </c>
      <c r="J62" s="19">
        <v>4</v>
      </c>
      <c r="K62" s="19">
        <v>41</v>
      </c>
    </row>
    <row r="63" spans="1:11" ht="15" customHeight="1">
      <c r="A63" s="17" t="s">
        <v>123</v>
      </c>
      <c r="B63" s="17"/>
      <c r="C63" s="13">
        <v>1548</v>
      </c>
      <c r="D63" s="19">
        <v>790</v>
      </c>
      <c r="E63" s="19">
        <v>758</v>
      </c>
      <c r="F63" s="19"/>
      <c r="G63" s="18" t="s">
        <v>124</v>
      </c>
      <c r="H63" s="17"/>
      <c r="I63" s="13">
        <v>35</v>
      </c>
      <c r="J63" s="19">
        <v>3</v>
      </c>
      <c r="K63" s="19">
        <v>32</v>
      </c>
    </row>
    <row r="64" spans="1:11" ht="15" customHeight="1">
      <c r="A64" s="17" t="s">
        <v>125</v>
      </c>
      <c r="B64" s="17"/>
      <c r="C64" s="13">
        <v>1496</v>
      </c>
      <c r="D64" s="19">
        <v>819</v>
      </c>
      <c r="E64" s="19">
        <v>677</v>
      </c>
      <c r="F64" s="19"/>
      <c r="G64" s="18" t="s">
        <v>126</v>
      </c>
      <c r="H64" s="17"/>
      <c r="I64" s="13">
        <v>24</v>
      </c>
      <c r="J64" s="19">
        <v>6</v>
      </c>
      <c r="K64" s="19">
        <v>18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45</v>
      </c>
      <c r="J65" s="19">
        <v>2</v>
      </c>
      <c r="K65" s="19">
        <v>43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1001</v>
      </c>
      <c r="J66" s="27">
        <v>415</v>
      </c>
      <c r="K66" s="27">
        <v>586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92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9492</v>
      </c>
      <c r="D4" s="14">
        <v>20692</v>
      </c>
      <c r="E4" s="14">
        <v>1880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057</v>
      </c>
      <c r="D5" s="14">
        <v>561</v>
      </c>
      <c r="E5" s="14">
        <v>496</v>
      </c>
      <c r="F5" s="14"/>
      <c r="G5" s="18" t="s">
        <v>8</v>
      </c>
      <c r="H5" s="17"/>
      <c r="I5" s="13">
        <v>3194</v>
      </c>
      <c r="J5" s="14">
        <v>1768</v>
      </c>
      <c r="K5" s="14">
        <v>1426</v>
      </c>
    </row>
    <row r="6" spans="1:11" ht="15" customHeight="1">
      <c r="A6" s="17" t="s">
        <v>9</v>
      </c>
      <c r="B6" s="17"/>
      <c r="C6" s="13">
        <v>187</v>
      </c>
      <c r="D6" s="19">
        <v>101</v>
      </c>
      <c r="E6" s="19">
        <v>86</v>
      </c>
      <c r="F6" s="19"/>
      <c r="G6" s="18" t="s">
        <v>10</v>
      </c>
      <c r="H6" s="17"/>
      <c r="I6" s="13">
        <v>660</v>
      </c>
      <c r="J6" s="19">
        <v>362</v>
      </c>
      <c r="K6" s="19">
        <v>298</v>
      </c>
    </row>
    <row r="7" spans="1:11" ht="15" customHeight="1">
      <c r="A7" s="17" t="s">
        <v>11</v>
      </c>
      <c r="B7" s="17"/>
      <c r="C7" s="13">
        <v>198</v>
      </c>
      <c r="D7" s="19">
        <v>108</v>
      </c>
      <c r="E7" s="19">
        <v>90</v>
      </c>
      <c r="F7" s="19"/>
      <c r="G7" s="18" t="s">
        <v>12</v>
      </c>
      <c r="H7" s="17"/>
      <c r="I7" s="13">
        <v>664</v>
      </c>
      <c r="J7" s="19">
        <v>370</v>
      </c>
      <c r="K7" s="19">
        <v>294</v>
      </c>
    </row>
    <row r="8" spans="1:11" ht="15" customHeight="1">
      <c r="A8" s="17" t="s">
        <v>13</v>
      </c>
      <c r="B8" s="17"/>
      <c r="C8" s="13">
        <v>207</v>
      </c>
      <c r="D8" s="19">
        <v>106</v>
      </c>
      <c r="E8" s="19">
        <v>101</v>
      </c>
      <c r="F8" s="19"/>
      <c r="G8" s="18" t="s">
        <v>14</v>
      </c>
      <c r="H8" s="17"/>
      <c r="I8" s="13">
        <v>623</v>
      </c>
      <c r="J8" s="19">
        <v>347</v>
      </c>
      <c r="K8" s="19">
        <v>276</v>
      </c>
    </row>
    <row r="9" spans="1:11" ht="15" customHeight="1">
      <c r="A9" s="17" t="s">
        <v>15</v>
      </c>
      <c r="B9" s="17"/>
      <c r="C9" s="13">
        <v>216</v>
      </c>
      <c r="D9" s="19">
        <v>106</v>
      </c>
      <c r="E9" s="19">
        <v>110</v>
      </c>
      <c r="F9" s="19"/>
      <c r="G9" s="18" t="s">
        <v>16</v>
      </c>
      <c r="H9" s="17"/>
      <c r="I9" s="13">
        <v>626</v>
      </c>
      <c r="J9" s="19">
        <v>348</v>
      </c>
      <c r="K9" s="19">
        <v>278</v>
      </c>
    </row>
    <row r="10" spans="1:11" ht="15" customHeight="1">
      <c r="A10" s="17" t="s">
        <v>17</v>
      </c>
      <c r="B10" s="17"/>
      <c r="C10" s="13">
        <v>249</v>
      </c>
      <c r="D10" s="19">
        <v>140</v>
      </c>
      <c r="E10" s="19">
        <v>109</v>
      </c>
      <c r="F10" s="19"/>
      <c r="G10" s="18" t="s">
        <v>18</v>
      </c>
      <c r="H10" s="17"/>
      <c r="I10" s="13">
        <v>621</v>
      </c>
      <c r="J10" s="19">
        <v>341</v>
      </c>
      <c r="K10" s="19">
        <v>280</v>
      </c>
    </row>
    <row r="11" spans="1:11" ht="20.100000000000001" customHeight="1">
      <c r="A11" s="17" t="s">
        <v>19</v>
      </c>
      <c r="B11" s="17"/>
      <c r="C11" s="13">
        <v>1355</v>
      </c>
      <c r="D11" s="14">
        <v>703</v>
      </c>
      <c r="E11" s="14">
        <v>652</v>
      </c>
      <c r="F11" s="14"/>
      <c r="G11" s="18" t="s">
        <v>20</v>
      </c>
      <c r="H11" s="17"/>
      <c r="I11" s="13">
        <v>2532</v>
      </c>
      <c r="J11" s="14">
        <v>1342</v>
      </c>
      <c r="K11" s="14">
        <v>1190</v>
      </c>
    </row>
    <row r="12" spans="1:11" ht="15" customHeight="1">
      <c r="A12" s="17" t="s">
        <v>21</v>
      </c>
      <c r="B12" s="17"/>
      <c r="C12" s="13">
        <v>242</v>
      </c>
      <c r="D12" s="19">
        <v>120</v>
      </c>
      <c r="E12" s="19">
        <v>122</v>
      </c>
      <c r="F12" s="19"/>
      <c r="G12" s="18" t="s">
        <v>22</v>
      </c>
      <c r="H12" s="17"/>
      <c r="I12" s="13">
        <v>457</v>
      </c>
      <c r="J12" s="19">
        <v>261</v>
      </c>
      <c r="K12" s="19">
        <v>196</v>
      </c>
    </row>
    <row r="13" spans="1:11" ht="15" customHeight="1">
      <c r="A13" s="17" t="s">
        <v>23</v>
      </c>
      <c r="B13" s="17"/>
      <c r="C13" s="13">
        <v>290</v>
      </c>
      <c r="D13" s="19">
        <v>149</v>
      </c>
      <c r="E13" s="19">
        <v>141</v>
      </c>
      <c r="F13" s="19"/>
      <c r="G13" s="18" t="s">
        <v>24</v>
      </c>
      <c r="H13" s="17"/>
      <c r="I13" s="13">
        <v>572</v>
      </c>
      <c r="J13" s="19">
        <v>288</v>
      </c>
      <c r="K13" s="19">
        <v>284</v>
      </c>
    </row>
    <row r="14" spans="1:11" ht="15" customHeight="1">
      <c r="A14" s="17" t="s">
        <v>25</v>
      </c>
      <c r="B14" s="17"/>
      <c r="C14" s="13">
        <v>263</v>
      </c>
      <c r="D14" s="19">
        <v>132</v>
      </c>
      <c r="E14" s="19">
        <v>131</v>
      </c>
      <c r="F14" s="19"/>
      <c r="G14" s="18" t="s">
        <v>26</v>
      </c>
      <c r="H14" s="17"/>
      <c r="I14" s="13">
        <v>484</v>
      </c>
      <c r="J14" s="19">
        <v>265</v>
      </c>
      <c r="K14" s="19">
        <v>219</v>
      </c>
    </row>
    <row r="15" spans="1:11" ht="15" customHeight="1">
      <c r="A15" s="17" t="s">
        <v>27</v>
      </c>
      <c r="B15" s="17"/>
      <c r="C15" s="13">
        <v>287</v>
      </c>
      <c r="D15" s="19">
        <v>156</v>
      </c>
      <c r="E15" s="19">
        <v>131</v>
      </c>
      <c r="F15" s="19"/>
      <c r="G15" s="18" t="s">
        <v>28</v>
      </c>
      <c r="H15" s="17"/>
      <c r="I15" s="13">
        <v>553</v>
      </c>
      <c r="J15" s="19">
        <v>301</v>
      </c>
      <c r="K15" s="19">
        <v>252</v>
      </c>
    </row>
    <row r="16" spans="1:11" ht="15" customHeight="1">
      <c r="A16" s="17" t="s">
        <v>29</v>
      </c>
      <c r="B16" s="17"/>
      <c r="C16" s="13">
        <v>273</v>
      </c>
      <c r="D16" s="19">
        <v>146</v>
      </c>
      <c r="E16" s="19">
        <v>127</v>
      </c>
      <c r="F16" s="19"/>
      <c r="G16" s="18" t="s">
        <v>30</v>
      </c>
      <c r="H16" s="17"/>
      <c r="I16" s="13">
        <v>466</v>
      </c>
      <c r="J16" s="19">
        <v>227</v>
      </c>
      <c r="K16" s="19">
        <v>239</v>
      </c>
    </row>
    <row r="17" spans="1:11" ht="20.100000000000001" customHeight="1">
      <c r="A17" s="20" t="s">
        <v>31</v>
      </c>
      <c r="B17" s="20"/>
      <c r="C17" s="13">
        <v>1635</v>
      </c>
      <c r="D17" s="14">
        <v>849</v>
      </c>
      <c r="E17" s="14">
        <v>786</v>
      </c>
      <c r="F17" s="14"/>
      <c r="G17" s="18" t="s">
        <v>32</v>
      </c>
      <c r="H17" s="17"/>
      <c r="I17" s="13">
        <v>2368</v>
      </c>
      <c r="J17" s="14">
        <v>1241</v>
      </c>
      <c r="K17" s="14">
        <v>1127</v>
      </c>
    </row>
    <row r="18" spans="1:11" ht="15" customHeight="1">
      <c r="A18" s="17" t="s">
        <v>33</v>
      </c>
      <c r="B18" s="17"/>
      <c r="C18" s="13">
        <v>300</v>
      </c>
      <c r="D18" s="19">
        <v>161</v>
      </c>
      <c r="E18" s="19">
        <v>139</v>
      </c>
      <c r="F18" s="19"/>
      <c r="G18" s="18" t="s">
        <v>34</v>
      </c>
      <c r="H18" s="17"/>
      <c r="I18" s="13">
        <v>437</v>
      </c>
      <c r="J18" s="19">
        <v>226</v>
      </c>
      <c r="K18" s="19">
        <v>211</v>
      </c>
    </row>
    <row r="19" spans="1:11" ht="15" customHeight="1">
      <c r="A19" s="17" t="s">
        <v>35</v>
      </c>
      <c r="B19" s="17"/>
      <c r="C19" s="13">
        <v>320</v>
      </c>
      <c r="D19" s="19">
        <v>172</v>
      </c>
      <c r="E19" s="19">
        <v>148</v>
      </c>
      <c r="F19" s="19"/>
      <c r="G19" s="18" t="s">
        <v>36</v>
      </c>
      <c r="H19" s="17"/>
      <c r="I19" s="13">
        <v>460</v>
      </c>
      <c r="J19" s="19">
        <v>237</v>
      </c>
      <c r="K19" s="19">
        <v>223</v>
      </c>
    </row>
    <row r="20" spans="1:11" ht="15" customHeight="1">
      <c r="A20" s="17" t="s">
        <v>37</v>
      </c>
      <c r="B20" s="17"/>
      <c r="C20" s="13">
        <v>313</v>
      </c>
      <c r="D20" s="19">
        <v>164</v>
      </c>
      <c r="E20" s="19">
        <v>149</v>
      </c>
      <c r="F20" s="19"/>
      <c r="G20" s="18" t="s">
        <v>38</v>
      </c>
      <c r="H20" s="17"/>
      <c r="I20" s="13">
        <v>489</v>
      </c>
      <c r="J20" s="19">
        <v>254</v>
      </c>
      <c r="K20" s="19">
        <v>235</v>
      </c>
    </row>
    <row r="21" spans="1:11" ht="15" customHeight="1">
      <c r="A21" s="17" t="s">
        <v>39</v>
      </c>
      <c r="B21" s="17"/>
      <c r="C21" s="13">
        <v>349</v>
      </c>
      <c r="D21" s="19">
        <v>163</v>
      </c>
      <c r="E21" s="19">
        <v>186</v>
      </c>
      <c r="F21" s="19"/>
      <c r="G21" s="18" t="s">
        <v>40</v>
      </c>
      <c r="H21" s="17"/>
      <c r="I21" s="13">
        <v>514</v>
      </c>
      <c r="J21" s="19">
        <v>280</v>
      </c>
      <c r="K21" s="19">
        <v>234</v>
      </c>
    </row>
    <row r="22" spans="1:11" ht="15" customHeight="1">
      <c r="A22" s="17" t="s">
        <v>41</v>
      </c>
      <c r="B22" s="17"/>
      <c r="C22" s="13">
        <v>353</v>
      </c>
      <c r="D22" s="19">
        <v>189</v>
      </c>
      <c r="E22" s="19">
        <v>164</v>
      </c>
      <c r="F22" s="19"/>
      <c r="G22" s="18" t="s">
        <v>42</v>
      </c>
      <c r="H22" s="17"/>
      <c r="I22" s="13">
        <v>468</v>
      </c>
      <c r="J22" s="19">
        <v>244</v>
      </c>
      <c r="K22" s="19">
        <v>224</v>
      </c>
    </row>
    <row r="23" spans="1:11" ht="20.100000000000001" customHeight="1">
      <c r="A23" s="17" t="s">
        <v>43</v>
      </c>
      <c r="B23" s="17"/>
      <c r="C23" s="13">
        <v>1768</v>
      </c>
      <c r="D23" s="14">
        <v>941</v>
      </c>
      <c r="E23" s="14">
        <v>827</v>
      </c>
      <c r="F23" s="14"/>
      <c r="G23" s="18" t="s">
        <v>44</v>
      </c>
      <c r="H23" s="17"/>
      <c r="I23" s="13">
        <v>2881</v>
      </c>
      <c r="J23" s="14">
        <v>1460</v>
      </c>
      <c r="K23" s="14">
        <v>1421</v>
      </c>
    </row>
    <row r="24" spans="1:11" ht="15" customHeight="1">
      <c r="A24" s="17" t="s">
        <v>45</v>
      </c>
      <c r="B24" s="17"/>
      <c r="C24" s="13">
        <v>366</v>
      </c>
      <c r="D24" s="19">
        <v>183</v>
      </c>
      <c r="E24" s="19">
        <v>183</v>
      </c>
      <c r="F24" s="19"/>
      <c r="G24" s="18" t="s">
        <v>46</v>
      </c>
      <c r="H24" s="17"/>
      <c r="I24" s="13">
        <v>535</v>
      </c>
      <c r="J24" s="19">
        <v>270</v>
      </c>
      <c r="K24" s="19">
        <v>265</v>
      </c>
    </row>
    <row r="25" spans="1:11" ht="15" customHeight="1">
      <c r="A25" s="17" t="s">
        <v>47</v>
      </c>
      <c r="B25" s="17"/>
      <c r="C25" s="13">
        <v>327</v>
      </c>
      <c r="D25" s="19">
        <v>176</v>
      </c>
      <c r="E25" s="19">
        <v>151</v>
      </c>
      <c r="F25" s="19"/>
      <c r="G25" s="18" t="s">
        <v>48</v>
      </c>
      <c r="H25" s="17"/>
      <c r="I25" s="13">
        <v>546</v>
      </c>
      <c r="J25" s="19">
        <v>281</v>
      </c>
      <c r="K25" s="19">
        <v>265</v>
      </c>
    </row>
    <row r="26" spans="1:11" ht="15" customHeight="1">
      <c r="A26" s="17" t="s">
        <v>49</v>
      </c>
      <c r="B26" s="17"/>
      <c r="C26" s="13">
        <v>358</v>
      </c>
      <c r="D26" s="19">
        <v>188</v>
      </c>
      <c r="E26" s="19">
        <v>170</v>
      </c>
      <c r="F26" s="19"/>
      <c r="G26" s="18" t="s">
        <v>50</v>
      </c>
      <c r="H26" s="17"/>
      <c r="I26" s="13">
        <v>522</v>
      </c>
      <c r="J26" s="19">
        <v>263</v>
      </c>
      <c r="K26" s="19">
        <v>259</v>
      </c>
    </row>
    <row r="27" spans="1:11" ht="15" customHeight="1">
      <c r="A27" s="17" t="s">
        <v>51</v>
      </c>
      <c r="B27" s="17"/>
      <c r="C27" s="13">
        <v>345</v>
      </c>
      <c r="D27" s="19">
        <v>187</v>
      </c>
      <c r="E27" s="19">
        <v>158</v>
      </c>
      <c r="F27" s="19"/>
      <c r="G27" s="18" t="s">
        <v>52</v>
      </c>
      <c r="H27" s="17"/>
      <c r="I27" s="13">
        <v>625</v>
      </c>
      <c r="J27" s="19">
        <v>323</v>
      </c>
      <c r="K27" s="19">
        <v>302</v>
      </c>
    </row>
    <row r="28" spans="1:11" ht="15" customHeight="1">
      <c r="A28" s="17" t="s">
        <v>53</v>
      </c>
      <c r="B28" s="17"/>
      <c r="C28" s="13">
        <v>372</v>
      </c>
      <c r="D28" s="19">
        <v>207</v>
      </c>
      <c r="E28" s="19">
        <v>165</v>
      </c>
      <c r="F28" s="19"/>
      <c r="G28" s="18" t="s">
        <v>54</v>
      </c>
      <c r="H28" s="17"/>
      <c r="I28" s="13">
        <v>653</v>
      </c>
      <c r="J28" s="19">
        <v>323</v>
      </c>
      <c r="K28" s="19">
        <v>330</v>
      </c>
    </row>
    <row r="29" spans="1:11" ht="20.100000000000001" customHeight="1">
      <c r="A29" s="17" t="s">
        <v>55</v>
      </c>
      <c r="B29" s="17"/>
      <c r="C29" s="13">
        <v>2041</v>
      </c>
      <c r="D29" s="14">
        <v>1146</v>
      </c>
      <c r="E29" s="14">
        <v>895</v>
      </c>
      <c r="F29" s="14"/>
      <c r="G29" s="18" t="s">
        <v>56</v>
      </c>
      <c r="H29" s="17"/>
      <c r="I29" s="13">
        <v>3628</v>
      </c>
      <c r="J29" s="14">
        <v>1780</v>
      </c>
      <c r="K29" s="14">
        <v>1848</v>
      </c>
    </row>
    <row r="30" spans="1:11" ht="15" customHeight="1">
      <c r="A30" s="17" t="s">
        <v>57</v>
      </c>
      <c r="B30" s="17"/>
      <c r="C30" s="13">
        <v>445</v>
      </c>
      <c r="D30" s="19">
        <v>237</v>
      </c>
      <c r="E30" s="19">
        <v>208</v>
      </c>
      <c r="F30" s="19"/>
      <c r="G30" s="18" t="s">
        <v>58</v>
      </c>
      <c r="H30" s="17"/>
      <c r="I30" s="13">
        <v>632</v>
      </c>
      <c r="J30" s="19">
        <v>321</v>
      </c>
      <c r="K30" s="19">
        <v>311</v>
      </c>
    </row>
    <row r="31" spans="1:11" ht="15" customHeight="1">
      <c r="A31" s="17" t="s">
        <v>59</v>
      </c>
      <c r="B31" s="17"/>
      <c r="C31" s="13">
        <v>433</v>
      </c>
      <c r="D31" s="19">
        <v>232</v>
      </c>
      <c r="E31" s="19">
        <v>201</v>
      </c>
      <c r="F31" s="19"/>
      <c r="G31" s="18" t="s">
        <v>60</v>
      </c>
      <c r="H31" s="17"/>
      <c r="I31" s="13">
        <v>706</v>
      </c>
      <c r="J31" s="19">
        <v>349</v>
      </c>
      <c r="K31" s="19">
        <v>357</v>
      </c>
    </row>
    <row r="32" spans="1:11" ht="15" customHeight="1">
      <c r="A32" s="17" t="s">
        <v>61</v>
      </c>
      <c r="B32" s="17"/>
      <c r="C32" s="13">
        <v>403</v>
      </c>
      <c r="D32" s="19">
        <v>231</v>
      </c>
      <c r="E32" s="19">
        <v>172</v>
      </c>
      <c r="F32" s="19"/>
      <c r="G32" s="18" t="s">
        <v>62</v>
      </c>
      <c r="H32" s="17"/>
      <c r="I32" s="13">
        <v>793</v>
      </c>
      <c r="J32" s="19">
        <v>384</v>
      </c>
      <c r="K32" s="19">
        <v>409</v>
      </c>
    </row>
    <row r="33" spans="1:11" ht="15" customHeight="1">
      <c r="A33" s="17" t="s">
        <v>63</v>
      </c>
      <c r="B33" s="17"/>
      <c r="C33" s="13">
        <v>384</v>
      </c>
      <c r="D33" s="19">
        <v>231</v>
      </c>
      <c r="E33" s="19">
        <v>153</v>
      </c>
      <c r="F33" s="19"/>
      <c r="G33" s="18" t="s">
        <v>64</v>
      </c>
      <c r="H33" s="17"/>
      <c r="I33" s="13">
        <v>742</v>
      </c>
      <c r="J33" s="19">
        <v>377</v>
      </c>
      <c r="K33" s="19">
        <v>365</v>
      </c>
    </row>
    <row r="34" spans="1:11" ht="15" customHeight="1">
      <c r="A34" s="17" t="s">
        <v>65</v>
      </c>
      <c r="B34" s="17"/>
      <c r="C34" s="13">
        <v>376</v>
      </c>
      <c r="D34" s="19">
        <v>215</v>
      </c>
      <c r="E34" s="19">
        <v>161</v>
      </c>
      <c r="F34" s="19"/>
      <c r="G34" s="18" t="s">
        <v>66</v>
      </c>
      <c r="H34" s="17"/>
      <c r="I34" s="13">
        <v>755</v>
      </c>
      <c r="J34" s="19">
        <v>349</v>
      </c>
      <c r="K34" s="19">
        <v>406</v>
      </c>
    </row>
    <row r="35" spans="1:11" ht="20.100000000000001" customHeight="1">
      <c r="A35" s="17" t="s">
        <v>67</v>
      </c>
      <c r="B35" s="17"/>
      <c r="C35" s="13">
        <v>1795</v>
      </c>
      <c r="D35" s="14">
        <v>1058</v>
      </c>
      <c r="E35" s="14">
        <v>737</v>
      </c>
      <c r="F35" s="14"/>
      <c r="G35" s="18" t="s">
        <v>68</v>
      </c>
      <c r="H35" s="17"/>
      <c r="I35" s="13">
        <v>2412</v>
      </c>
      <c r="J35" s="14">
        <v>1172</v>
      </c>
      <c r="K35" s="14">
        <v>1240</v>
      </c>
    </row>
    <row r="36" spans="1:11" ht="15" customHeight="1">
      <c r="A36" s="17" t="s">
        <v>69</v>
      </c>
      <c r="B36" s="17"/>
      <c r="C36" s="13">
        <v>354</v>
      </c>
      <c r="D36" s="19">
        <v>219</v>
      </c>
      <c r="E36" s="19">
        <v>135</v>
      </c>
      <c r="F36" s="19"/>
      <c r="G36" s="18" t="s">
        <v>70</v>
      </c>
      <c r="H36" s="17"/>
      <c r="I36" s="13">
        <v>474</v>
      </c>
      <c r="J36" s="19">
        <v>245</v>
      </c>
      <c r="K36" s="19">
        <v>229</v>
      </c>
    </row>
    <row r="37" spans="1:11" ht="15" customHeight="1">
      <c r="A37" s="17" t="s">
        <v>71</v>
      </c>
      <c r="B37" s="17"/>
      <c r="C37" s="13">
        <v>379</v>
      </c>
      <c r="D37" s="19">
        <v>227</v>
      </c>
      <c r="E37" s="19">
        <v>152</v>
      </c>
      <c r="F37" s="19"/>
      <c r="G37" s="18" t="s">
        <v>72</v>
      </c>
      <c r="H37" s="17"/>
      <c r="I37" s="13">
        <v>412</v>
      </c>
      <c r="J37" s="19">
        <v>173</v>
      </c>
      <c r="K37" s="19">
        <v>239</v>
      </c>
    </row>
    <row r="38" spans="1:11" ht="15" customHeight="1">
      <c r="A38" s="17" t="s">
        <v>73</v>
      </c>
      <c r="B38" s="17"/>
      <c r="C38" s="13">
        <v>363</v>
      </c>
      <c r="D38" s="19">
        <v>213</v>
      </c>
      <c r="E38" s="19">
        <v>150</v>
      </c>
      <c r="F38" s="19"/>
      <c r="G38" s="18" t="s">
        <v>74</v>
      </c>
      <c r="H38" s="17"/>
      <c r="I38" s="13">
        <v>488</v>
      </c>
      <c r="J38" s="19">
        <v>234</v>
      </c>
      <c r="K38" s="19">
        <v>254</v>
      </c>
    </row>
    <row r="39" spans="1:11" ht="15" customHeight="1">
      <c r="A39" s="17" t="s">
        <v>75</v>
      </c>
      <c r="B39" s="17"/>
      <c r="C39" s="13">
        <v>389</v>
      </c>
      <c r="D39" s="19">
        <v>228</v>
      </c>
      <c r="E39" s="19">
        <v>161</v>
      </c>
      <c r="F39" s="19"/>
      <c r="G39" s="18" t="s">
        <v>76</v>
      </c>
      <c r="H39" s="17"/>
      <c r="I39" s="13">
        <v>553</v>
      </c>
      <c r="J39" s="19">
        <v>286</v>
      </c>
      <c r="K39" s="19">
        <v>267</v>
      </c>
    </row>
    <row r="40" spans="1:11" ht="15" customHeight="1">
      <c r="A40" s="17" t="s">
        <v>77</v>
      </c>
      <c r="B40" s="17"/>
      <c r="C40" s="13">
        <v>310</v>
      </c>
      <c r="D40" s="19">
        <v>171</v>
      </c>
      <c r="E40" s="19">
        <v>139</v>
      </c>
      <c r="F40" s="19"/>
      <c r="G40" s="18" t="s">
        <v>78</v>
      </c>
      <c r="H40" s="17"/>
      <c r="I40" s="13">
        <v>485</v>
      </c>
      <c r="J40" s="19">
        <v>234</v>
      </c>
      <c r="K40" s="19">
        <v>251</v>
      </c>
    </row>
    <row r="41" spans="1:11" ht="20.100000000000001" customHeight="1">
      <c r="A41" s="17" t="s">
        <v>79</v>
      </c>
      <c r="B41" s="17"/>
      <c r="C41" s="13">
        <v>1700</v>
      </c>
      <c r="D41" s="14">
        <v>991</v>
      </c>
      <c r="E41" s="14">
        <v>709</v>
      </c>
      <c r="F41" s="14"/>
      <c r="G41" s="18" t="s">
        <v>80</v>
      </c>
      <c r="H41" s="17"/>
      <c r="I41" s="13">
        <v>1823</v>
      </c>
      <c r="J41" s="14">
        <v>815</v>
      </c>
      <c r="K41" s="14">
        <v>1008</v>
      </c>
    </row>
    <row r="42" spans="1:11" ht="15" customHeight="1">
      <c r="A42" s="17" t="s">
        <v>81</v>
      </c>
      <c r="B42" s="17"/>
      <c r="C42" s="13">
        <v>325</v>
      </c>
      <c r="D42" s="19">
        <v>191</v>
      </c>
      <c r="E42" s="19">
        <v>134</v>
      </c>
      <c r="F42" s="19"/>
      <c r="G42" s="18" t="s">
        <v>82</v>
      </c>
      <c r="H42" s="17"/>
      <c r="I42" s="13">
        <v>459</v>
      </c>
      <c r="J42" s="19">
        <v>211</v>
      </c>
      <c r="K42" s="19">
        <v>248</v>
      </c>
    </row>
    <row r="43" spans="1:11" ht="15" customHeight="1">
      <c r="A43" s="17" t="s">
        <v>83</v>
      </c>
      <c r="B43" s="17"/>
      <c r="C43" s="13">
        <v>333</v>
      </c>
      <c r="D43" s="19">
        <v>209</v>
      </c>
      <c r="E43" s="19">
        <v>124</v>
      </c>
      <c r="F43" s="19"/>
      <c r="G43" s="18" t="s">
        <v>84</v>
      </c>
      <c r="H43" s="17"/>
      <c r="I43" s="13">
        <v>421</v>
      </c>
      <c r="J43" s="19">
        <v>185</v>
      </c>
      <c r="K43" s="19">
        <v>236</v>
      </c>
    </row>
    <row r="44" spans="1:11" ht="15" customHeight="1">
      <c r="A44" s="17" t="s">
        <v>85</v>
      </c>
      <c r="B44" s="17"/>
      <c r="C44" s="13">
        <v>349</v>
      </c>
      <c r="D44" s="19">
        <v>209</v>
      </c>
      <c r="E44" s="19">
        <v>140</v>
      </c>
      <c r="F44" s="19"/>
      <c r="G44" s="18" t="s">
        <v>86</v>
      </c>
      <c r="H44" s="17"/>
      <c r="I44" s="13">
        <v>363</v>
      </c>
      <c r="J44" s="19">
        <v>169</v>
      </c>
      <c r="K44" s="19">
        <v>194</v>
      </c>
    </row>
    <row r="45" spans="1:11" ht="15" customHeight="1">
      <c r="A45" s="17" t="s">
        <v>87</v>
      </c>
      <c r="B45" s="17"/>
      <c r="C45" s="13">
        <v>358</v>
      </c>
      <c r="D45" s="19">
        <v>198</v>
      </c>
      <c r="E45" s="19">
        <v>160</v>
      </c>
      <c r="F45" s="19"/>
      <c r="G45" s="18" t="s">
        <v>88</v>
      </c>
      <c r="H45" s="17"/>
      <c r="I45" s="13">
        <v>303</v>
      </c>
      <c r="J45" s="19">
        <v>131</v>
      </c>
      <c r="K45" s="19">
        <v>172</v>
      </c>
    </row>
    <row r="46" spans="1:11" ht="15" customHeight="1">
      <c r="A46" s="17" t="s">
        <v>89</v>
      </c>
      <c r="B46" s="17"/>
      <c r="C46" s="13">
        <v>335</v>
      </c>
      <c r="D46" s="19">
        <v>184</v>
      </c>
      <c r="E46" s="19">
        <v>151</v>
      </c>
      <c r="F46" s="19"/>
      <c r="G46" s="18" t="s">
        <v>90</v>
      </c>
      <c r="H46" s="17"/>
      <c r="I46" s="13">
        <v>277</v>
      </c>
      <c r="J46" s="19">
        <v>119</v>
      </c>
      <c r="K46" s="19">
        <v>158</v>
      </c>
    </row>
    <row r="47" spans="1:11" ht="20.100000000000001" customHeight="1">
      <c r="A47" s="17" t="s">
        <v>91</v>
      </c>
      <c r="B47" s="17"/>
      <c r="C47" s="13">
        <v>1946</v>
      </c>
      <c r="D47" s="14">
        <v>1065</v>
      </c>
      <c r="E47" s="14">
        <v>881</v>
      </c>
      <c r="F47" s="14"/>
      <c r="G47" s="18" t="s">
        <v>92</v>
      </c>
      <c r="H47" s="17"/>
      <c r="I47" s="13">
        <v>925</v>
      </c>
      <c r="J47" s="14">
        <v>390</v>
      </c>
      <c r="K47" s="14">
        <v>535</v>
      </c>
    </row>
    <row r="48" spans="1:11" ht="15" customHeight="1">
      <c r="A48" s="17" t="s">
        <v>93</v>
      </c>
      <c r="B48" s="17"/>
      <c r="C48" s="13">
        <v>353</v>
      </c>
      <c r="D48" s="19">
        <v>190</v>
      </c>
      <c r="E48" s="19">
        <v>163</v>
      </c>
      <c r="F48" s="19"/>
      <c r="G48" s="18" t="s">
        <v>94</v>
      </c>
      <c r="H48" s="17"/>
      <c r="I48" s="13">
        <v>225</v>
      </c>
      <c r="J48" s="19">
        <v>104</v>
      </c>
      <c r="K48" s="19">
        <v>121</v>
      </c>
    </row>
    <row r="49" spans="1:11" ht="15" customHeight="1">
      <c r="A49" s="17" t="s">
        <v>95</v>
      </c>
      <c r="B49" s="17"/>
      <c r="C49" s="13">
        <v>395</v>
      </c>
      <c r="D49" s="19">
        <v>219</v>
      </c>
      <c r="E49" s="19">
        <v>176</v>
      </c>
      <c r="F49" s="19"/>
      <c r="G49" s="18" t="s">
        <v>96</v>
      </c>
      <c r="H49" s="17"/>
      <c r="I49" s="13">
        <v>232</v>
      </c>
      <c r="J49" s="19">
        <v>104</v>
      </c>
      <c r="K49" s="19">
        <v>128</v>
      </c>
    </row>
    <row r="50" spans="1:11" ht="15" customHeight="1">
      <c r="A50" s="17" t="s">
        <v>97</v>
      </c>
      <c r="B50" s="17"/>
      <c r="C50" s="13">
        <v>388</v>
      </c>
      <c r="D50" s="19">
        <v>210</v>
      </c>
      <c r="E50" s="19">
        <v>178</v>
      </c>
      <c r="F50" s="19"/>
      <c r="G50" s="18" t="s">
        <v>98</v>
      </c>
      <c r="H50" s="17"/>
      <c r="I50" s="13">
        <v>174</v>
      </c>
      <c r="J50" s="19">
        <v>65</v>
      </c>
      <c r="K50" s="19">
        <v>109</v>
      </c>
    </row>
    <row r="51" spans="1:11" ht="15" customHeight="1">
      <c r="A51" s="17" t="s">
        <v>99</v>
      </c>
      <c r="B51" s="17"/>
      <c r="C51" s="13">
        <v>403</v>
      </c>
      <c r="D51" s="19">
        <v>221</v>
      </c>
      <c r="E51" s="19">
        <v>182</v>
      </c>
      <c r="F51" s="19"/>
      <c r="G51" s="18" t="s">
        <v>100</v>
      </c>
      <c r="H51" s="17"/>
      <c r="I51" s="13">
        <v>153</v>
      </c>
      <c r="J51" s="19">
        <v>57</v>
      </c>
      <c r="K51" s="19">
        <v>96</v>
      </c>
    </row>
    <row r="52" spans="1:11" ht="15" customHeight="1">
      <c r="A52" s="17" t="s">
        <v>101</v>
      </c>
      <c r="B52" s="17"/>
      <c r="C52" s="13">
        <v>407</v>
      </c>
      <c r="D52" s="19">
        <v>225</v>
      </c>
      <c r="E52" s="19">
        <v>182</v>
      </c>
      <c r="F52" s="19"/>
      <c r="G52" s="18" t="s">
        <v>102</v>
      </c>
      <c r="H52" s="17"/>
      <c r="I52" s="13">
        <v>141</v>
      </c>
      <c r="J52" s="19">
        <v>60</v>
      </c>
      <c r="K52" s="19">
        <v>81</v>
      </c>
    </row>
    <row r="53" spans="1:11" ht="20.100000000000001" customHeight="1">
      <c r="A53" s="17" t="s">
        <v>103</v>
      </c>
      <c r="B53" s="17"/>
      <c r="C53" s="13">
        <v>2437</v>
      </c>
      <c r="D53" s="14">
        <v>1288</v>
      </c>
      <c r="E53" s="14">
        <v>1149</v>
      </c>
      <c r="F53" s="14"/>
      <c r="G53" s="18" t="s">
        <v>104</v>
      </c>
      <c r="H53" s="17"/>
      <c r="I53" s="13">
        <v>342</v>
      </c>
      <c r="J53" s="14">
        <v>105</v>
      </c>
      <c r="K53" s="14">
        <v>237</v>
      </c>
    </row>
    <row r="54" spans="1:11" ht="15" customHeight="1">
      <c r="A54" s="17" t="s">
        <v>105</v>
      </c>
      <c r="B54" s="17"/>
      <c r="C54" s="13">
        <v>474</v>
      </c>
      <c r="D54" s="19">
        <v>237</v>
      </c>
      <c r="E54" s="19">
        <v>237</v>
      </c>
      <c r="F54" s="19"/>
      <c r="G54" s="18" t="s">
        <v>106</v>
      </c>
      <c r="H54" s="17"/>
      <c r="I54" s="13">
        <v>104</v>
      </c>
      <c r="J54" s="19">
        <v>42</v>
      </c>
      <c r="K54" s="19">
        <v>62</v>
      </c>
    </row>
    <row r="55" spans="1:11" ht="15" customHeight="1">
      <c r="A55" s="17" t="s">
        <v>107</v>
      </c>
      <c r="B55" s="17"/>
      <c r="C55" s="13">
        <v>441</v>
      </c>
      <c r="D55" s="19">
        <v>236</v>
      </c>
      <c r="E55" s="19">
        <v>205</v>
      </c>
      <c r="F55" s="19"/>
      <c r="G55" s="18" t="s">
        <v>108</v>
      </c>
      <c r="H55" s="17"/>
      <c r="I55" s="13">
        <v>73</v>
      </c>
      <c r="J55" s="19">
        <v>19</v>
      </c>
      <c r="K55" s="19">
        <v>54</v>
      </c>
    </row>
    <row r="56" spans="1:11" ht="15" customHeight="1">
      <c r="A56" s="17" t="s">
        <v>109</v>
      </c>
      <c r="B56" s="17"/>
      <c r="C56" s="13">
        <v>428</v>
      </c>
      <c r="D56" s="19">
        <v>233</v>
      </c>
      <c r="E56" s="19">
        <v>195</v>
      </c>
      <c r="F56" s="19"/>
      <c r="G56" s="18" t="s">
        <v>110</v>
      </c>
      <c r="H56" s="17"/>
      <c r="I56" s="13">
        <v>59</v>
      </c>
      <c r="J56" s="19">
        <v>23</v>
      </c>
      <c r="K56" s="19">
        <v>36</v>
      </c>
    </row>
    <row r="57" spans="1:11" ht="15" customHeight="1">
      <c r="A57" s="17" t="s">
        <v>111</v>
      </c>
      <c r="B57" s="17"/>
      <c r="C57" s="13">
        <v>530</v>
      </c>
      <c r="D57" s="19">
        <v>279</v>
      </c>
      <c r="E57" s="19">
        <v>251</v>
      </c>
      <c r="F57" s="19"/>
      <c r="G57" s="18" t="s">
        <v>112</v>
      </c>
      <c r="H57" s="17"/>
      <c r="I57" s="13">
        <v>49</v>
      </c>
      <c r="J57" s="19">
        <v>4</v>
      </c>
      <c r="K57" s="19">
        <v>45</v>
      </c>
    </row>
    <row r="58" spans="1:11" ht="15" customHeight="1">
      <c r="A58" s="17" t="s">
        <v>113</v>
      </c>
      <c r="B58" s="17"/>
      <c r="C58" s="13">
        <v>564</v>
      </c>
      <c r="D58" s="19">
        <v>303</v>
      </c>
      <c r="E58" s="19">
        <v>261</v>
      </c>
      <c r="F58" s="19"/>
      <c r="G58" s="18" t="s">
        <v>114</v>
      </c>
      <c r="H58" s="17"/>
      <c r="I58" s="13">
        <v>57</v>
      </c>
      <c r="J58" s="19">
        <v>17</v>
      </c>
      <c r="K58" s="19">
        <v>40</v>
      </c>
    </row>
    <row r="59" spans="1:11" ht="20.100000000000001" customHeight="1">
      <c r="A59" s="17" t="s">
        <v>115</v>
      </c>
      <c r="B59" s="17"/>
      <c r="C59" s="13">
        <v>3069</v>
      </c>
      <c r="D59" s="14">
        <v>1703</v>
      </c>
      <c r="E59" s="14">
        <v>1366</v>
      </c>
      <c r="F59" s="14"/>
      <c r="G59" s="18" t="s">
        <v>116</v>
      </c>
      <c r="H59" s="17"/>
      <c r="I59" s="13">
        <v>103</v>
      </c>
      <c r="J59" s="14">
        <v>16</v>
      </c>
      <c r="K59" s="14">
        <v>87</v>
      </c>
    </row>
    <row r="60" spans="1:11" ht="15" customHeight="1">
      <c r="A60" s="17" t="s">
        <v>117</v>
      </c>
      <c r="B60" s="17"/>
      <c r="C60" s="13">
        <v>505</v>
      </c>
      <c r="D60" s="19">
        <v>270</v>
      </c>
      <c r="E60" s="19">
        <v>235</v>
      </c>
      <c r="F60" s="19"/>
      <c r="G60" s="18" t="s">
        <v>118</v>
      </c>
      <c r="H60" s="17"/>
      <c r="I60" s="13">
        <v>26</v>
      </c>
      <c r="J60" s="19">
        <v>3</v>
      </c>
      <c r="K60" s="19">
        <v>23</v>
      </c>
    </row>
    <row r="61" spans="1:11" ht="15" customHeight="1">
      <c r="A61" s="17" t="s">
        <v>119</v>
      </c>
      <c r="B61" s="17"/>
      <c r="C61" s="13">
        <v>554</v>
      </c>
      <c r="D61" s="19">
        <v>301</v>
      </c>
      <c r="E61" s="19">
        <v>253</v>
      </c>
      <c r="F61" s="19"/>
      <c r="G61" s="18" t="s">
        <v>120</v>
      </c>
      <c r="H61" s="17"/>
      <c r="I61" s="13">
        <v>36</v>
      </c>
      <c r="J61" s="19">
        <v>5</v>
      </c>
      <c r="K61" s="19">
        <v>31</v>
      </c>
    </row>
    <row r="62" spans="1:11" ht="15" customHeight="1">
      <c r="A62" s="17" t="s">
        <v>121</v>
      </c>
      <c r="B62" s="17"/>
      <c r="C62" s="13">
        <v>610</v>
      </c>
      <c r="D62" s="19">
        <v>343</v>
      </c>
      <c r="E62" s="19">
        <v>267</v>
      </c>
      <c r="F62" s="19"/>
      <c r="G62" s="18" t="s">
        <v>122</v>
      </c>
      <c r="H62" s="17"/>
      <c r="I62" s="13">
        <v>20</v>
      </c>
      <c r="J62" s="19">
        <v>3</v>
      </c>
      <c r="K62" s="19">
        <v>17</v>
      </c>
    </row>
    <row r="63" spans="1:11" ht="15" customHeight="1">
      <c r="A63" s="17" t="s">
        <v>123</v>
      </c>
      <c r="B63" s="17"/>
      <c r="C63" s="13">
        <v>704</v>
      </c>
      <c r="D63" s="19">
        <v>406</v>
      </c>
      <c r="E63" s="19">
        <v>298</v>
      </c>
      <c r="F63" s="19"/>
      <c r="G63" s="18" t="s">
        <v>124</v>
      </c>
      <c r="H63" s="17"/>
      <c r="I63" s="13">
        <v>14</v>
      </c>
      <c r="J63" s="19">
        <v>1</v>
      </c>
      <c r="K63" s="19">
        <v>13</v>
      </c>
    </row>
    <row r="64" spans="1:11" ht="15" customHeight="1">
      <c r="A64" s="17" t="s">
        <v>125</v>
      </c>
      <c r="B64" s="17"/>
      <c r="C64" s="13">
        <v>696</v>
      </c>
      <c r="D64" s="19">
        <v>383</v>
      </c>
      <c r="E64" s="19">
        <v>313</v>
      </c>
      <c r="F64" s="19"/>
      <c r="G64" s="18" t="s">
        <v>126</v>
      </c>
      <c r="H64" s="17"/>
      <c r="I64" s="13">
        <v>7</v>
      </c>
      <c r="J64" s="19">
        <v>4</v>
      </c>
      <c r="K64" s="19">
        <v>3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5</v>
      </c>
      <c r="J65" s="19">
        <v>1</v>
      </c>
      <c r="K65" s="19">
        <v>14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466</v>
      </c>
      <c r="J66" s="27">
        <v>297</v>
      </c>
      <c r="K66" s="27">
        <v>169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93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010</v>
      </c>
      <c r="D4" s="14">
        <v>1536</v>
      </c>
      <c r="E4" s="14">
        <v>147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76</v>
      </c>
      <c r="D5" s="14">
        <v>39</v>
      </c>
      <c r="E5" s="14">
        <v>37</v>
      </c>
      <c r="F5" s="14"/>
      <c r="G5" s="18" t="s">
        <v>8</v>
      </c>
      <c r="H5" s="17"/>
      <c r="I5" s="13">
        <v>242</v>
      </c>
      <c r="J5" s="14">
        <v>148</v>
      </c>
      <c r="K5" s="14">
        <v>94</v>
      </c>
    </row>
    <row r="6" spans="1:11" ht="15" customHeight="1">
      <c r="A6" s="17" t="s">
        <v>9</v>
      </c>
      <c r="B6" s="17"/>
      <c r="C6" s="13">
        <v>12</v>
      </c>
      <c r="D6" s="19">
        <v>3</v>
      </c>
      <c r="E6" s="19">
        <v>9</v>
      </c>
      <c r="F6" s="19"/>
      <c r="G6" s="18" t="s">
        <v>10</v>
      </c>
      <c r="H6" s="17"/>
      <c r="I6" s="13">
        <v>68</v>
      </c>
      <c r="J6" s="19">
        <v>37</v>
      </c>
      <c r="K6" s="19">
        <v>31</v>
      </c>
    </row>
    <row r="7" spans="1:11" ht="15" customHeight="1">
      <c r="A7" s="17" t="s">
        <v>11</v>
      </c>
      <c r="B7" s="17"/>
      <c r="C7" s="13">
        <v>11</v>
      </c>
      <c r="D7" s="19">
        <v>9</v>
      </c>
      <c r="E7" s="19">
        <v>2</v>
      </c>
      <c r="F7" s="19"/>
      <c r="G7" s="18" t="s">
        <v>12</v>
      </c>
      <c r="H7" s="17"/>
      <c r="I7" s="13">
        <v>39</v>
      </c>
      <c r="J7" s="19">
        <v>27</v>
      </c>
      <c r="K7" s="19">
        <v>12</v>
      </c>
    </row>
    <row r="8" spans="1:11" ht="15" customHeight="1">
      <c r="A8" s="17" t="s">
        <v>13</v>
      </c>
      <c r="B8" s="17"/>
      <c r="C8" s="13">
        <v>15</v>
      </c>
      <c r="D8" s="19">
        <v>8</v>
      </c>
      <c r="E8" s="19">
        <v>7</v>
      </c>
      <c r="F8" s="19"/>
      <c r="G8" s="18" t="s">
        <v>14</v>
      </c>
      <c r="H8" s="17"/>
      <c r="I8" s="13">
        <v>43</v>
      </c>
      <c r="J8" s="19">
        <v>28</v>
      </c>
      <c r="K8" s="19">
        <v>15</v>
      </c>
    </row>
    <row r="9" spans="1:11" ht="15" customHeight="1">
      <c r="A9" s="17" t="s">
        <v>15</v>
      </c>
      <c r="B9" s="17"/>
      <c r="C9" s="13">
        <v>17</v>
      </c>
      <c r="D9" s="19">
        <v>5</v>
      </c>
      <c r="E9" s="19">
        <v>12</v>
      </c>
      <c r="F9" s="19"/>
      <c r="G9" s="18" t="s">
        <v>16</v>
      </c>
      <c r="H9" s="17"/>
      <c r="I9" s="13">
        <v>54</v>
      </c>
      <c r="J9" s="19">
        <v>33</v>
      </c>
      <c r="K9" s="19">
        <v>21</v>
      </c>
    </row>
    <row r="10" spans="1:11" ht="15" customHeight="1">
      <c r="A10" s="17" t="s">
        <v>17</v>
      </c>
      <c r="B10" s="17"/>
      <c r="C10" s="13">
        <v>21</v>
      </c>
      <c r="D10" s="19">
        <v>14</v>
      </c>
      <c r="E10" s="19">
        <v>7</v>
      </c>
      <c r="F10" s="19"/>
      <c r="G10" s="18" t="s">
        <v>18</v>
      </c>
      <c r="H10" s="17"/>
      <c r="I10" s="13">
        <v>38</v>
      </c>
      <c r="J10" s="19">
        <v>23</v>
      </c>
      <c r="K10" s="19">
        <v>15</v>
      </c>
    </row>
    <row r="11" spans="1:11" ht="20.100000000000001" customHeight="1">
      <c r="A11" s="17" t="s">
        <v>19</v>
      </c>
      <c r="B11" s="17"/>
      <c r="C11" s="13">
        <v>97</v>
      </c>
      <c r="D11" s="14">
        <v>42</v>
      </c>
      <c r="E11" s="14">
        <v>55</v>
      </c>
      <c r="F11" s="14"/>
      <c r="G11" s="18" t="s">
        <v>20</v>
      </c>
      <c r="H11" s="17"/>
      <c r="I11" s="13">
        <v>186</v>
      </c>
      <c r="J11" s="14">
        <v>88</v>
      </c>
      <c r="K11" s="14">
        <v>98</v>
      </c>
    </row>
    <row r="12" spans="1:11" ht="15" customHeight="1">
      <c r="A12" s="17" t="s">
        <v>21</v>
      </c>
      <c r="B12" s="17"/>
      <c r="C12" s="13">
        <v>21</v>
      </c>
      <c r="D12" s="19">
        <v>9</v>
      </c>
      <c r="E12" s="19">
        <v>12</v>
      </c>
      <c r="F12" s="19"/>
      <c r="G12" s="18" t="s">
        <v>22</v>
      </c>
      <c r="H12" s="17"/>
      <c r="I12" s="13">
        <v>25</v>
      </c>
      <c r="J12" s="19">
        <v>10</v>
      </c>
      <c r="K12" s="19">
        <v>15</v>
      </c>
    </row>
    <row r="13" spans="1:11" ht="15" customHeight="1">
      <c r="A13" s="17" t="s">
        <v>23</v>
      </c>
      <c r="B13" s="17"/>
      <c r="C13" s="13">
        <v>18</v>
      </c>
      <c r="D13" s="19">
        <v>8</v>
      </c>
      <c r="E13" s="19">
        <v>10</v>
      </c>
      <c r="F13" s="19"/>
      <c r="G13" s="18" t="s">
        <v>24</v>
      </c>
      <c r="H13" s="17"/>
      <c r="I13" s="13">
        <v>42</v>
      </c>
      <c r="J13" s="19">
        <v>19</v>
      </c>
      <c r="K13" s="19">
        <v>23</v>
      </c>
    </row>
    <row r="14" spans="1:11" ht="15" customHeight="1">
      <c r="A14" s="17" t="s">
        <v>25</v>
      </c>
      <c r="B14" s="17"/>
      <c r="C14" s="13">
        <v>17</v>
      </c>
      <c r="D14" s="19">
        <v>7</v>
      </c>
      <c r="E14" s="19">
        <v>10</v>
      </c>
      <c r="F14" s="19"/>
      <c r="G14" s="18" t="s">
        <v>26</v>
      </c>
      <c r="H14" s="17"/>
      <c r="I14" s="13">
        <v>36</v>
      </c>
      <c r="J14" s="19">
        <v>17</v>
      </c>
      <c r="K14" s="19">
        <v>19</v>
      </c>
    </row>
    <row r="15" spans="1:11" ht="15" customHeight="1">
      <c r="A15" s="17" t="s">
        <v>27</v>
      </c>
      <c r="B15" s="17"/>
      <c r="C15" s="13">
        <v>16</v>
      </c>
      <c r="D15" s="19">
        <v>9</v>
      </c>
      <c r="E15" s="19">
        <v>7</v>
      </c>
      <c r="F15" s="19"/>
      <c r="G15" s="18" t="s">
        <v>28</v>
      </c>
      <c r="H15" s="17"/>
      <c r="I15" s="13">
        <v>36</v>
      </c>
      <c r="J15" s="19">
        <v>16</v>
      </c>
      <c r="K15" s="19">
        <v>20</v>
      </c>
    </row>
    <row r="16" spans="1:11" ht="15" customHeight="1">
      <c r="A16" s="17" t="s">
        <v>29</v>
      </c>
      <c r="B16" s="17"/>
      <c r="C16" s="13">
        <v>25</v>
      </c>
      <c r="D16" s="19">
        <v>9</v>
      </c>
      <c r="E16" s="19">
        <v>16</v>
      </c>
      <c r="F16" s="19"/>
      <c r="G16" s="18" t="s">
        <v>30</v>
      </c>
      <c r="H16" s="17"/>
      <c r="I16" s="13">
        <v>47</v>
      </c>
      <c r="J16" s="19">
        <v>26</v>
      </c>
      <c r="K16" s="19">
        <v>21</v>
      </c>
    </row>
    <row r="17" spans="1:11" ht="20.100000000000001" customHeight="1">
      <c r="A17" s="20" t="s">
        <v>31</v>
      </c>
      <c r="B17" s="20"/>
      <c r="C17" s="13">
        <v>118</v>
      </c>
      <c r="D17" s="14">
        <v>58</v>
      </c>
      <c r="E17" s="14">
        <v>60</v>
      </c>
      <c r="F17" s="14"/>
      <c r="G17" s="18" t="s">
        <v>32</v>
      </c>
      <c r="H17" s="17"/>
      <c r="I17" s="13">
        <v>208</v>
      </c>
      <c r="J17" s="14">
        <v>96</v>
      </c>
      <c r="K17" s="14">
        <v>112</v>
      </c>
    </row>
    <row r="18" spans="1:11" ht="15" customHeight="1">
      <c r="A18" s="17" t="s">
        <v>33</v>
      </c>
      <c r="B18" s="17"/>
      <c r="C18" s="13">
        <v>20</v>
      </c>
      <c r="D18" s="19">
        <v>11</v>
      </c>
      <c r="E18" s="19">
        <v>9</v>
      </c>
      <c r="F18" s="19"/>
      <c r="G18" s="18" t="s">
        <v>34</v>
      </c>
      <c r="H18" s="17"/>
      <c r="I18" s="13">
        <v>34</v>
      </c>
      <c r="J18" s="19">
        <v>12</v>
      </c>
      <c r="K18" s="19">
        <v>22</v>
      </c>
    </row>
    <row r="19" spans="1:11" ht="15" customHeight="1">
      <c r="A19" s="17" t="s">
        <v>35</v>
      </c>
      <c r="B19" s="17"/>
      <c r="C19" s="13">
        <v>17</v>
      </c>
      <c r="D19" s="19">
        <v>8</v>
      </c>
      <c r="E19" s="19">
        <v>9</v>
      </c>
      <c r="F19" s="19"/>
      <c r="G19" s="18" t="s">
        <v>36</v>
      </c>
      <c r="H19" s="17"/>
      <c r="I19" s="13">
        <v>47</v>
      </c>
      <c r="J19" s="19">
        <v>23</v>
      </c>
      <c r="K19" s="19">
        <v>24</v>
      </c>
    </row>
    <row r="20" spans="1:11" ht="15" customHeight="1">
      <c r="A20" s="17" t="s">
        <v>37</v>
      </c>
      <c r="B20" s="17"/>
      <c r="C20" s="13">
        <v>28</v>
      </c>
      <c r="D20" s="19">
        <v>13</v>
      </c>
      <c r="E20" s="19">
        <v>15</v>
      </c>
      <c r="F20" s="19"/>
      <c r="G20" s="18" t="s">
        <v>38</v>
      </c>
      <c r="H20" s="17"/>
      <c r="I20" s="13">
        <v>45</v>
      </c>
      <c r="J20" s="19">
        <v>21</v>
      </c>
      <c r="K20" s="19">
        <v>24</v>
      </c>
    </row>
    <row r="21" spans="1:11" ht="15" customHeight="1">
      <c r="A21" s="17" t="s">
        <v>39</v>
      </c>
      <c r="B21" s="17"/>
      <c r="C21" s="13">
        <v>27</v>
      </c>
      <c r="D21" s="19">
        <v>12</v>
      </c>
      <c r="E21" s="19">
        <v>15</v>
      </c>
      <c r="F21" s="19"/>
      <c r="G21" s="18" t="s">
        <v>40</v>
      </c>
      <c r="H21" s="17"/>
      <c r="I21" s="13">
        <v>42</v>
      </c>
      <c r="J21" s="19">
        <v>23</v>
      </c>
      <c r="K21" s="19">
        <v>19</v>
      </c>
    </row>
    <row r="22" spans="1:11" ht="15" customHeight="1">
      <c r="A22" s="17" t="s">
        <v>41</v>
      </c>
      <c r="B22" s="17"/>
      <c r="C22" s="13">
        <v>26</v>
      </c>
      <c r="D22" s="19">
        <v>14</v>
      </c>
      <c r="E22" s="19">
        <v>12</v>
      </c>
      <c r="F22" s="19"/>
      <c r="G22" s="18" t="s">
        <v>42</v>
      </c>
      <c r="H22" s="17"/>
      <c r="I22" s="13">
        <v>40</v>
      </c>
      <c r="J22" s="19">
        <v>17</v>
      </c>
      <c r="K22" s="19">
        <v>23</v>
      </c>
    </row>
    <row r="23" spans="1:11" ht="20.100000000000001" customHeight="1">
      <c r="A23" s="17" t="s">
        <v>43</v>
      </c>
      <c r="B23" s="17"/>
      <c r="C23" s="13">
        <v>118</v>
      </c>
      <c r="D23" s="14">
        <v>65</v>
      </c>
      <c r="E23" s="14">
        <v>53</v>
      </c>
      <c r="F23" s="14"/>
      <c r="G23" s="18" t="s">
        <v>44</v>
      </c>
      <c r="H23" s="17"/>
      <c r="I23" s="13">
        <v>293</v>
      </c>
      <c r="J23" s="14">
        <v>165</v>
      </c>
      <c r="K23" s="14">
        <v>128</v>
      </c>
    </row>
    <row r="24" spans="1:11" ht="15" customHeight="1">
      <c r="A24" s="17" t="s">
        <v>45</v>
      </c>
      <c r="B24" s="17"/>
      <c r="C24" s="13">
        <v>27</v>
      </c>
      <c r="D24" s="19">
        <v>13</v>
      </c>
      <c r="E24" s="19">
        <v>14</v>
      </c>
      <c r="F24" s="19"/>
      <c r="G24" s="18" t="s">
        <v>46</v>
      </c>
      <c r="H24" s="17"/>
      <c r="I24" s="13">
        <v>54</v>
      </c>
      <c r="J24" s="19">
        <v>32</v>
      </c>
      <c r="K24" s="19">
        <v>22</v>
      </c>
    </row>
    <row r="25" spans="1:11" ht="15" customHeight="1">
      <c r="A25" s="17" t="s">
        <v>47</v>
      </c>
      <c r="B25" s="17"/>
      <c r="C25" s="13">
        <v>16</v>
      </c>
      <c r="D25" s="19">
        <v>7</v>
      </c>
      <c r="E25" s="19">
        <v>9</v>
      </c>
      <c r="F25" s="19"/>
      <c r="G25" s="18" t="s">
        <v>48</v>
      </c>
      <c r="H25" s="17"/>
      <c r="I25" s="13">
        <v>69</v>
      </c>
      <c r="J25" s="19">
        <v>49</v>
      </c>
      <c r="K25" s="19">
        <v>20</v>
      </c>
    </row>
    <row r="26" spans="1:11" ht="15" customHeight="1">
      <c r="A26" s="17" t="s">
        <v>49</v>
      </c>
      <c r="B26" s="17"/>
      <c r="C26" s="13">
        <v>26</v>
      </c>
      <c r="D26" s="19">
        <v>16</v>
      </c>
      <c r="E26" s="19">
        <v>10</v>
      </c>
      <c r="F26" s="19"/>
      <c r="G26" s="18" t="s">
        <v>50</v>
      </c>
      <c r="H26" s="17"/>
      <c r="I26" s="13">
        <v>61</v>
      </c>
      <c r="J26" s="19">
        <v>30</v>
      </c>
      <c r="K26" s="19">
        <v>31</v>
      </c>
    </row>
    <row r="27" spans="1:11" ht="15" customHeight="1">
      <c r="A27" s="17" t="s">
        <v>51</v>
      </c>
      <c r="B27" s="17"/>
      <c r="C27" s="13">
        <v>23</v>
      </c>
      <c r="D27" s="19">
        <v>14</v>
      </c>
      <c r="E27" s="19">
        <v>9</v>
      </c>
      <c r="F27" s="19"/>
      <c r="G27" s="18" t="s">
        <v>52</v>
      </c>
      <c r="H27" s="17"/>
      <c r="I27" s="13">
        <v>56</v>
      </c>
      <c r="J27" s="19">
        <v>25</v>
      </c>
      <c r="K27" s="19">
        <v>31</v>
      </c>
    </row>
    <row r="28" spans="1:11" ht="15" customHeight="1">
      <c r="A28" s="17" t="s">
        <v>53</v>
      </c>
      <c r="B28" s="17"/>
      <c r="C28" s="13">
        <v>26</v>
      </c>
      <c r="D28" s="19">
        <v>15</v>
      </c>
      <c r="E28" s="19">
        <v>11</v>
      </c>
      <c r="F28" s="19"/>
      <c r="G28" s="18" t="s">
        <v>54</v>
      </c>
      <c r="H28" s="17"/>
      <c r="I28" s="13">
        <v>53</v>
      </c>
      <c r="J28" s="19">
        <v>29</v>
      </c>
      <c r="K28" s="19">
        <v>24</v>
      </c>
    </row>
    <row r="29" spans="1:11" ht="20.100000000000001" customHeight="1">
      <c r="A29" s="17" t="s">
        <v>55</v>
      </c>
      <c r="B29" s="17"/>
      <c r="C29" s="13">
        <v>92</v>
      </c>
      <c r="D29" s="14">
        <v>53</v>
      </c>
      <c r="E29" s="14">
        <v>39</v>
      </c>
      <c r="F29" s="14"/>
      <c r="G29" s="18" t="s">
        <v>56</v>
      </c>
      <c r="H29" s="17"/>
      <c r="I29" s="13">
        <v>344</v>
      </c>
      <c r="J29" s="14">
        <v>160</v>
      </c>
      <c r="K29" s="14">
        <v>184</v>
      </c>
    </row>
    <row r="30" spans="1:11" ht="15" customHeight="1">
      <c r="A30" s="17" t="s">
        <v>57</v>
      </c>
      <c r="B30" s="17"/>
      <c r="C30" s="13">
        <v>19</v>
      </c>
      <c r="D30" s="19">
        <v>10</v>
      </c>
      <c r="E30" s="19">
        <v>9</v>
      </c>
      <c r="F30" s="19"/>
      <c r="G30" s="18" t="s">
        <v>58</v>
      </c>
      <c r="H30" s="17"/>
      <c r="I30" s="13">
        <v>61</v>
      </c>
      <c r="J30" s="19">
        <v>24</v>
      </c>
      <c r="K30" s="19">
        <v>37</v>
      </c>
    </row>
    <row r="31" spans="1:11" ht="15" customHeight="1">
      <c r="A31" s="17" t="s">
        <v>59</v>
      </c>
      <c r="B31" s="17"/>
      <c r="C31" s="13">
        <v>22</v>
      </c>
      <c r="D31" s="19">
        <v>15</v>
      </c>
      <c r="E31" s="19">
        <v>7</v>
      </c>
      <c r="F31" s="19"/>
      <c r="G31" s="18" t="s">
        <v>60</v>
      </c>
      <c r="H31" s="17"/>
      <c r="I31" s="13">
        <v>66</v>
      </c>
      <c r="J31" s="19">
        <v>24</v>
      </c>
      <c r="K31" s="19">
        <v>42</v>
      </c>
    </row>
    <row r="32" spans="1:11" ht="15" customHeight="1">
      <c r="A32" s="17" t="s">
        <v>61</v>
      </c>
      <c r="B32" s="17"/>
      <c r="C32" s="13">
        <v>17</v>
      </c>
      <c r="D32" s="19">
        <v>9</v>
      </c>
      <c r="E32" s="19">
        <v>8</v>
      </c>
      <c r="F32" s="19"/>
      <c r="G32" s="18" t="s">
        <v>62</v>
      </c>
      <c r="H32" s="17"/>
      <c r="I32" s="13">
        <v>76</v>
      </c>
      <c r="J32" s="19">
        <v>36</v>
      </c>
      <c r="K32" s="19">
        <v>40</v>
      </c>
    </row>
    <row r="33" spans="1:11" ht="15" customHeight="1">
      <c r="A33" s="17" t="s">
        <v>63</v>
      </c>
      <c r="B33" s="17"/>
      <c r="C33" s="13">
        <v>23</v>
      </c>
      <c r="D33" s="19">
        <v>16</v>
      </c>
      <c r="E33" s="19">
        <v>7</v>
      </c>
      <c r="F33" s="19"/>
      <c r="G33" s="18" t="s">
        <v>64</v>
      </c>
      <c r="H33" s="17"/>
      <c r="I33" s="13">
        <v>72</v>
      </c>
      <c r="J33" s="19">
        <v>39</v>
      </c>
      <c r="K33" s="19">
        <v>33</v>
      </c>
    </row>
    <row r="34" spans="1:11" ht="15" customHeight="1">
      <c r="A34" s="17" t="s">
        <v>65</v>
      </c>
      <c r="B34" s="17"/>
      <c r="C34" s="13">
        <v>11</v>
      </c>
      <c r="D34" s="19">
        <v>3</v>
      </c>
      <c r="E34" s="19">
        <v>8</v>
      </c>
      <c r="F34" s="19"/>
      <c r="G34" s="18" t="s">
        <v>66</v>
      </c>
      <c r="H34" s="17"/>
      <c r="I34" s="13">
        <v>69</v>
      </c>
      <c r="J34" s="19">
        <v>37</v>
      </c>
      <c r="K34" s="19">
        <v>32</v>
      </c>
    </row>
    <row r="35" spans="1:11" ht="20.100000000000001" customHeight="1">
      <c r="A35" s="17" t="s">
        <v>67</v>
      </c>
      <c r="B35" s="17"/>
      <c r="C35" s="13">
        <v>68</v>
      </c>
      <c r="D35" s="14">
        <v>37</v>
      </c>
      <c r="E35" s="14">
        <v>31</v>
      </c>
      <c r="F35" s="14"/>
      <c r="G35" s="18" t="s">
        <v>68</v>
      </c>
      <c r="H35" s="17"/>
      <c r="I35" s="13">
        <v>222</v>
      </c>
      <c r="J35" s="14">
        <v>117</v>
      </c>
      <c r="K35" s="14">
        <v>105</v>
      </c>
    </row>
    <row r="36" spans="1:11" ht="15" customHeight="1">
      <c r="A36" s="17" t="s">
        <v>69</v>
      </c>
      <c r="B36" s="17"/>
      <c r="C36" s="13">
        <v>7</v>
      </c>
      <c r="D36" s="19">
        <v>5</v>
      </c>
      <c r="E36" s="19">
        <v>2</v>
      </c>
      <c r="F36" s="19"/>
      <c r="G36" s="18" t="s">
        <v>70</v>
      </c>
      <c r="H36" s="17"/>
      <c r="I36" s="13">
        <v>44</v>
      </c>
      <c r="J36" s="19">
        <v>24</v>
      </c>
      <c r="K36" s="19">
        <v>20</v>
      </c>
    </row>
    <row r="37" spans="1:11" ht="15" customHeight="1">
      <c r="A37" s="17" t="s">
        <v>71</v>
      </c>
      <c r="B37" s="17"/>
      <c r="C37" s="13">
        <v>8</v>
      </c>
      <c r="D37" s="19">
        <v>2</v>
      </c>
      <c r="E37" s="19">
        <v>6</v>
      </c>
      <c r="F37" s="19"/>
      <c r="G37" s="18" t="s">
        <v>72</v>
      </c>
      <c r="H37" s="17"/>
      <c r="I37" s="13">
        <v>42</v>
      </c>
      <c r="J37" s="19">
        <v>19</v>
      </c>
      <c r="K37" s="19">
        <v>23</v>
      </c>
    </row>
    <row r="38" spans="1:11" ht="15" customHeight="1">
      <c r="A38" s="17" t="s">
        <v>73</v>
      </c>
      <c r="B38" s="17"/>
      <c r="C38" s="13">
        <v>24</v>
      </c>
      <c r="D38" s="19">
        <v>17</v>
      </c>
      <c r="E38" s="19">
        <v>7</v>
      </c>
      <c r="F38" s="19"/>
      <c r="G38" s="18" t="s">
        <v>74</v>
      </c>
      <c r="H38" s="17"/>
      <c r="I38" s="13">
        <v>49</v>
      </c>
      <c r="J38" s="19">
        <v>25</v>
      </c>
      <c r="K38" s="19">
        <v>24</v>
      </c>
    </row>
    <row r="39" spans="1:11" ht="15" customHeight="1">
      <c r="A39" s="17" t="s">
        <v>75</v>
      </c>
      <c r="B39" s="17"/>
      <c r="C39" s="13">
        <v>11</v>
      </c>
      <c r="D39" s="19">
        <v>4</v>
      </c>
      <c r="E39" s="19">
        <v>7</v>
      </c>
      <c r="F39" s="19"/>
      <c r="G39" s="18" t="s">
        <v>76</v>
      </c>
      <c r="H39" s="17"/>
      <c r="I39" s="13">
        <v>41</v>
      </c>
      <c r="J39" s="19">
        <v>24</v>
      </c>
      <c r="K39" s="19">
        <v>17</v>
      </c>
    </row>
    <row r="40" spans="1:11" ht="15" customHeight="1">
      <c r="A40" s="17" t="s">
        <v>77</v>
      </c>
      <c r="B40" s="17"/>
      <c r="C40" s="13">
        <v>18</v>
      </c>
      <c r="D40" s="19">
        <v>9</v>
      </c>
      <c r="E40" s="19">
        <v>9</v>
      </c>
      <c r="F40" s="19"/>
      <c r="G40" s="18" t="s">
        <v>78</v>
      </c>
      <c r="H40" s="17"/>
      <c r="I40" s="13">
        <v>46</v>
      </c>
      <c r="J40" s="19">
        <v>25</v>
      </c>
      <c r="K40" s="19">
        <v>21</v>
      </c>
    </row>
    <row r="41" spans="1:11" ht="20.100000000000001" customHeight="1">
      <c r="A41" s="17" t="s">
        <v>79</v>
      </c>
      <c r="B41" s="17"/>
      <c r="C41" s="13">
        <v>105</v>
      </c>
      <c r="D41" s="14">
        <v>59</v>
      </c>
      <c r="E41" s="14">
        <v>46</v>
      </c>
      <c r="F41" s="14"/>
      <c r="G41" s="18" t="s">
        <v>80</v>
      </c>
      <c r="H41" s="17"/>
      <c r="I41" s="13">
        <v>146</v>
      </c>
      <c r="J41" s="14">
        <v>66</v>
      </c>
      <c r="K41" s="14">
        <v>80</v>
      </c>
    </row>
    <row r="42" spans="1:11" ht="15" customHeight="1">
      <c r="A42" s="17" t="s">
        <v>81</v>
      </c>
      <c r="B42" s="17"/>
      <c r="C42" s="13">
        <v>15</v>
      </c>
      <c r="D42" s="19">
        <v>10</v>
      </c>
      <c r="E42" s="19">
        <v>5</v>
      </c>
      <c r="F42" s="19"/>
      <c r="G42" s="18" t="s">
        <v>82</v>
      </c>
      <c r="H42" s="17"/>
      <c r="I42" s="13">
        <v>39</v>
      </c>
      <c r="J42" s="19">
        <v>17</v>
      </c>
      <c r="K42" s="19">
        <v>22</v>
      </c>
    </row>
    <row r="43" spans="1:11" ht="15" customHeight="1">
      <c r="A43" s="17" t="s">
        <v>83</v>
      </c>
      <c r="B43" s="17"/>
      <c r="C43" s="13">
        <v>21</v>
      </c>
      <c r="D43" s="19">
        <v>9</v>
      </c>
      <c r="E43" s="19">
        <v>12</v>
      </c>
      <c r="F43" s="19"/>
      <c r="G43" s="18" t="s">
        <v>84</v>
      </c>
      <c r="H43" s="17"/>
      <c r="I43" s="13">
        <v>36</v>
      </c>
      <c r="J43" s="19">
        <v>15</v>
      </c>
      <c r="K43" s="19">
        <v>21</v>
      </c>
    </row>
    <row r="44" spans="1:11" ht="15" customHeight="1">
      <c r="A44" s="17" t="s">
        <v>85</v>
      </c>
      <c r="B44" s="17"/>
      <c r="C44" s="13">
        <v>20</v>
      </c>
      <c r="D44" s="19">
        <v>12</v>
      </c>
      <c r="E44" s="19">
        <v>8</v>
      </c>
      <c r="F44" s="19"/>
      <c r="G44" s="18" t="s">
        <v>86</v>
      </c>
      <c r="H44" s="17"/>
      <c r="I44" s="13">
        <v>27</v>
      </c>
      <c r="J44" s="19">
        <v>13</v>
      </c>
      <c r="K44" s="19">
        <v>14</v>
      </c>
    </row>
    <row r="45" spans="1:11" ht="15" customHeight="1">
      <c r="A45" s="17" t="s">
        <v>87</v>
      </c>
      <c r="B45" s="17"/>
      <c r="C45" s="13">
        <v>27</v>
      </c>
      <c r="D45" s="19">
        <v>15</v>
      </c>
      <c r="E45" s="19">
        <v>12</v>
      </c>
      <c r="F45" s="19"/>
      <c r="G45" s="18" t="s">
        <v>88</v>
      </c>
      <c r="H45" s="17"/>
      <c r="I45" s="13">
        <v>22</v>
      </c>
      <c r="J45" s="19">
        <v>10</v>
      </c>
      <c r="K45" s="19">
        <v>12</v>
      </c>
    </row>
    <row r="46" spans="1:11" ht="15" customHeight="1">
      <c r="A46" s="17" t="s">
        <v>89</v>
      </c>
      <c r="B46" s="17"/>
      <c r="C46" s="13">
        <v>22</v>
      </c>
      <c r="D46" s="19">
        <v>13</v>
      </c>
      <c r="E46" s="19">
        <v>9</v>
      </c>
      <c r="F46" s="19"/>
      <c r="G46" s="18" t="s">
        <v>90</v>
      </c>
      <c r="H46" s="17"/>
      <c r="I46" s="13">
        <v>22</v>
      </c>
      <c r="J46" s="19">
        <v>11</v>
      </c>
      <c r="K46" s="19">
        <v>11</v>
      </c>
    </row>
    <row r="47" spans="1:11" ht="20.100000000000001" customHeight="1">
      <c r="A47" s="17" t="s">
        <v>91</v>
      </c>
      <c r="B47" s="17"/>
      <c r="C47" s="13">
        <v>154</v>
      </c>
      <c r="D47" s="14">
        <v>84</v>
      </c>
      <c r="E47" s="14">
        <v>70</v>
      </c>
      <c r="F47" s="14"/>
      <c r="G47" s="18" t="s">
        <v>92</v>
      </c>
      <c r="H47" s="17"/>
      <c r="I47" s="13">
        <v>98</v>
      </c>
      <c r="J47" s="14">
        <v>32</v>
      </c>
      <c r="K47" s="14">
        <v>66</v>
      </c>
    </row>
    <row r="48" spans="1:11" ht="15" customHeight="1">
      <c r="A48" s="17" t="s">
        <v>93</v>
      </c>
      <c r="B48" s="17"/>
      <c r="C48" s="13">
        <v>25</v>
      </c>
      <c r="D48" s="19">
        <v>11</v>
      </c>
      <c r="E48" s="19">
        <v>14</v>
      </c>
      <c r="F48" s="19"/>
      <c r="G48" s="18" t="s">
        <v>94</v>
      </c>
      <c r="H48" s="17"/>
      <c r="I48" s="13">
        <v>34</v>
      </c>
      <c r="J48" s="19">
        <v>10</v>
      </c>
      <c r="K48" s="19">
        <v>24</v>
      </c>
    </row>
    <row r="49" spans="1:11" ht="15" customHeight="1">
      <c r="A49" s="17" t="s">
        <v>95</v>
      </c>
      <c r="B49" s="17"/>
      <c r="C49" s="13">
        <v>25</v>
      </c>
      <c r="D49" s="19">
        <v>16</v>
      </c>
      <c r="E49" s="19">
        <v>9</v>
      </c>
      <c r="F49" s="19"/>
      <c r="G49" s="18" t="s">
        <v>96</v>
      </c>
      <c r="H49" s="17"/>
      <c r="I49" s="13">
        <v>19</v>
      </c>
      <c r="J49" s="19">
        <v>10</v>
      </c>
      <c r="K49" s="19">
        <v>9</v>
      </c>
    </row>
    <row r="50" spans="1:11" ht="15" customHeight="1">
      <c r="A50" s="17" t="s">
        <v>97</v>
      </c>
      <c r="B50" s="17"/>
      <c r="C50" s="13">
        <v>46</v>
      </c>
      <c r="D50" s="19">
        <v>23</v>
      </c>
      <c r="E50" s="19">
        <v>23</v>
      </c>
      <c r="F50" s="19"/>
      <c r="G50" s="18" t="s">
        <v>98</v>
      </c>
      <c r="H50" s="17"/>
      <c r="I50" s="13">
        <v>18</v>
      </c>
      <c r="J50" s="19">
        <v>4</v>
      </c>
      <c r="K50" s="19">
        <v>14</v>
      </c>
    </row>
    <row r="51" spans="1:11" ht="15" customHeight="1">
      <c r="A51" s="17" t="s">
        <v>99</v>
      </c>
      <c r="B51" s="17"/>
      <c r="C51" s="13">
        <v>25</v>
      </c>
      <c r="D51" s="19">
        <v>16</v>
      </c>
      <c r="E51" s="19">
        <v>9</v>
      </c>
      <c r="F51" s="19"/>
      <c r="G51" s="18" t="s">
        <v>100</v>
      </c>
      <c r="H51" s="17"/>
      <c r="I51" s="13">
        <v>12</v>
      </c>
      <c r="J51" s="19">
        <v>4</v>
      </c>
      <c r="K51" s="19">
        <v>8</v>
      </c>
    </row>
    <row r="52" spans="1:11" ht="15" customHeight="1">
      <c r="A52" s="17" t="s">
        <v>101</v>
      </c>
      <c r="B52" s="17"/>
      <c r="C52" s="13">
        <v>33</v>
      </c>
      <c r="D52" s="19">
        <v>18</v>
      </c>
      <c r="E52" s="19">
        <v>15</v>
      </c>
      <c r="F52" s="19"/>
      <c r="G52" s="18" t="s">
        <v>102</v>
      </c>
      <c r="H52" s="17"/>
      <c r="I52" s="13">
        <v>15</v>
      </c>
      <c r="J52" s="19">
        <v>4</v>
      </c>
      <c r="K52" s="19">
        <v>11</v>
      </c>
    </row>
    <row r="53" spans="1:11" ht="20.100000000000001" customHeight="1">
      <c r="A53" s="17" t="s">
        <v>103</v>
      </c>
      <c r="B53" s="17"/>
      <c r="C53" s="13">
        <v>179</v>
      </c>
      <c r="D53" s="14">
        <v>90</v>
      </c>
      <c r="E53" s="14">
        <v>89</v>
      </c>
      <c r="F53" s="14"/>
      <c r="G53" s="18" t="s">
        <v>104</v>
      </c>
      <c r="H53" s="17"/>
      <c r="I53" s="13">
        <v>40</v>
      </c>
      <c r="J53" s="14">
        <v>14</v>
      </c>
      <c r="K53" s="14">
        <v>26</v>
      </c>
    </row>
    <row r="54" spans="1:11" ht="15" customHeight="1">
      <c r="A54" s="17" t="s">
        <v>105</v>
      </c>
      <c r="B54" s="17"/>
      <c r="C54" s="13">
        <v>33</v>
      </c>
      <c r="D54" s="19">
        <v>13</v>
      </c>
      <c r="E54" s="19">
        <v>20</v>
      </c>
      <c r="F54" s="19"/>
      <c r="G54" s="18" t="s">
        <v>106</v>
      </c>
      <c r="H54" s="17"/>
      <c r="I54" s="13">
        <v>9</v>
      </c>
      <c r="J54" s="19">
        <v>4</v>
      </c>
      <c r="K54" s="19">
        <v>5</v>
      </c>
    </row>
    <row r="55" spans="1:11" ht="15" customHeight="1">
      <c r="A55" s="17" t="s">
        <v>107</v>
      </c>
      <c r="B55" s="17"/>
      <c r="C55" s="13">
        <v>39</v>
      </c>
      <c r="D55" s="19">
        <v>17</v>
      </c>
      <c r="E55" s="19">
        <v>22</v>
      </c>
      <c r="F55" s="19"/>
      <c r="G55" s="18" t="s">
        <v>108</v>
      </c>
      <c r="H55" s="17"/>
      <c r="I55" s="13">
        <v>12</v>
      </c>
      <c r="J55" s="19">
        <v>6</v>
      </c>
      <c r="K55" s="19">
        <v>6</v>
      </c>
    </row>
    <row r="56" spans="1:11" ht="15" customHeight="1">
      <c r="A56" s="17" t="s">
        <v>109</v>
      </c>
      <c r="B56" s="17"/>
      <c r="C56" s="13">
        <v>32</v>
      </c>
      <c r="D56" s="19">
        <v>16</v>
      </c>
      <c r="E56" s="19">
        <v>16</v>
      </c>
      <c r="F56" s="19"/>
      <c r="G56" s="18" t="s">
        <v>110</v>
      </c>
      <c r="H56" s="17"/>
      <c r="I56" s="13">
        <v>5</v>
      </c>
      <c r="J56" s="19">
        <v>1</v>
      </c>
      <c r="K56" s="19">
        <v>4</v>
      </c>
    </row>
    <row r="57" spans="1:11" ht="15" customHeight="1">
      <c r="A57" s="17" t="s">
        <v>111</v>
      </c>
      <c r="B57" s="17"/>
      <c r="C57" s="13">
        <v>35</v>
      </c>
      <c r="D57" s="19">
        <v>18</v>
      </c>
      <c r="E57" s="19">
        <v>17</v>
      </c>
      <c r="F57" s="19"/>
      <c r="G57" s="18" t="s">
        <v>112</v>
      </c>
      <c r="H57" s="17"/>
      <c r="I57" s="13">
        <v>9</v>
      </c>
      <c r="J57" s="19">
        <v>1</v>
      </c>
      <c r="K57" s="19">
        <v>8</v>
      </c>
    </row>
    <row r="58" spans="1:11" ht="15" customHeight="1">
      <c r="A58" s="17" t="s">
        <v>113</v>
      </c>
      <c r="B58" s="17"/>
      <c r="C58" s="13">
        <v>40</v>
      </c>
      <c r="D58" s="19">
        <v>26</v>
      </c>
      <c r="E58" s="19">
        <v>14</v>
      </c>
      <c r="F58" s="19"/>
      <c r="G58" s="18" t="s">
        <v>114</v>
      </c>
      <c r="H58" s="17"/>
      <c r="I58" s="13">
        <v>5</v>
      </c>
      <c r="J58" s="19">
        <v>2</v>
      </c>
      <c r="K58" s="19">
        <v>3</v>
      </c>
    </row>
    <row r="59" spans="1:11" ht="20.100000000000001" customHeight="1">
      <c r="A59" s="17" t="s">
        <v>115</v>
      </c>
      <c r="B59" s="17"/>
      <c r="C59" s="13">
        <v>214</v>
      </c>
      <c r="D59" s="14">
        <v>121</v>
      </c>
      <c r="E59" s="14">
        <v>93</v>
      </c>
      <c r="F59" s="14"/>
      <c r="G59" s="18" t="s">
        <v>116</v>
      </c>
      <c r="H59" s="17"/>
      <c r="I59" s="13">
        <v>10</v>
      </c>
      <c r="J59" s="14">
        <v>2</v>
      </c>
      <c r="K59" s="14">
        <v>8</v>
      </c>
    </row>
    <row r="60" spans="1:11" ht="15" customHeight="1">
      <c r="A60" s="17" t="s">
        <v>117</v>
      </c>
      <c r="B60" s="17"/>
      <c r="C60" s="13">
        <v>45</v>
      </c>
      <c r="D60" s="19">
        <v>23</v>
      </c>
      <c r="E60" s="19">
        <v>22</v>
      </c>
      <c r="F60" s="19"/>
      <c r="G60" s="18" t="s">
        <v>118</v>
      </c>
      <c r="H60" s="17"/>
      <c r="I60" s="13">
        <v>7</v>
      </c>
      <c r="J60" s="19">
        <v>2</v>
      </c>
      <c r="K60" s="19">
        <v>5</v>
      </c>
    </row>
    <row r="61" spans="1:11" ht="15" customHeight="1">
      <c r="A61" s="17" t="s">
        <v>119</v>
      </c>
      <c r="B61" s="17"/>
      <c r="C61" s="13">
        <v>42</v>
      </c>
      <c r="D61" s="19">
        <v>29</v>
      </c>
      <c r="E61" s="19">
        <v>13</v>
      </c>
      <c r="F61" s="19"/>
      <c r="G61" s="18" t="s">
        <v>120</v>
      </c>
      <c r="H61" s="17"/>
      <c r="I61" s="13">
        <v>2</v>
      </c>
      <c r="J61" s="19">
        <v>0</v>
      </c>
      <c r="K61" s="19">
        <v>2</v>
      </c>
    </row>
    <row r="62" spans="1:11" ht="15" customHeight="1">
      <c r="A62" s="17" t="s">
        <v>121</v>
      </c>
      <c r="B62" s="17"/>
      <c r="C62" s="13">
        <v>38</v>
      </c>
      <c r="D62" s="19">
        <v>22</v>
      </c>
      <c r="E62" s="19">
        <v>16</v>
      </c>
      <c r="F62" s="19"/>
      <c r="G62" s="18" t="s">
        <v>122</v>
      </c>
      <c r="H62" s="17"/>
      <c r="I62" s="13">
        <v>1</v>
      </c>
      <c r="J62" s="19">
        <v>0</v>
      </c>
      <c r="K62" s="19">
        <v>1</v>
      </c>
    </row>
    <row r="63" spans="1:11" ht="15" customHeight="1">
      <c r="A63" s="17" t="s">
        <v>123</v>
      </c>
      <c r="B63" s="17"/>
      <c r="C63" s="13">
        <v>36</v>
      </c>
      <c r="D63" s="19">
        <v>19</v>
      </c>
      <c r="E63" s="19">
        <v>17</v>
      </c>
      <c r="F63" s="19"/>
      <c r="G63" s="18" t="s">
        <v>124</v>
      </c>
      <c r="H63" s="17"/>
      <c r="I63" s="13">
        <v>0</v>
      </c>
      <c r="J63" s="19">
        <v>0</v>
      </c>
      <c r="K63" s="19">
        <v>0</v>
      </c>
    </row>
    <row r="64" spans="1:11" ht="15" customHeight="1">
      <c r="A64" s="17" t="s">
        <v>125</v>
      </c>
      <c r="B64" s="17"/>
      <c r="C64" s="13">
        <v>53</v>
      </c>
      <c r="D64" s="19">
        <v>28</v>
      </c>
      <c r="E64" s="19">
        <v>25</v>
      </c>
      <c r="F64" s="19"/>
      <c r="G64" s="18" t="s">
        <v>126</v>
      </c>
      <c r="H64" s="17"/>
      <c r="I64" s="13">
        <v>0</v>
      </c>
      <c r="J64" s="19">
        <v>0</v>
      </c>
      <c r="K64" s="19">
        <v>0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0</v>
      </c>
      <c r="J65" s="19">
        <v>0</v>
      </c>
      <c r="K65" s="19">
        <v>0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0</v>
      </c>
      <c r="J66" s="27">
        <v>0</v>
      </c>
      <c r="K66" s="27">
        <v>0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 r:id="rId1"/>
  <headerFooter scaleWithDoc="0"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1</v>
      </c>
      <c r="B2" s="5"/>
      <c r="C2" s="7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313636</v>
      </c>
      <c r="D4" s="14">
        <v>650830</v>
      </c>
      <c r="E4" s="14">
        <v>662806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45214</v>
      </c>
      <c r="D5" s="14">
        <v>23170</v>
      </c>
      <c r="E5" s="14">
        <v>22044</v>
      </c>
      <c r="F5" s="14"/>
      <c r="G5" s="18" t="s">
        <v>8</v>
      </c>
      <c r="H5" s="17"/>
      <c r="I5" s="13">
        <v>106266</v>
      </c>
      <c r="J5" s="14">
        <v>54761</v>
      </c>
      <c r="K5" s="14">
        <v>51505</v>
      </c>
    </row>
    <row r="6" spans="1:11" ht="15" customHeight="1">
      <c r="A6" s="17" t="s">
        <v>9</v>
      </c>
      <c r="B6" s="17"/>
      <c r="C6" s="13">
        <v>8207</v>
      </c>
      <c r="D6" s="19">
        <v>4177</v>
      </c>
      <c r="E6" s="19">
        <v>4030</v>
      </c>
      <c r="F6" s="19"/>
      <c r="G6" s="18" t="s">
        <v>10</v>
      </c>
      <c r="H6" s="17"/>
      <c r="I6" s="13">
        <v>22065</v>
      </c>
      <c r="J6" s="19">
        <v>11210</v>
      </c>
      <c r="K6" s="19">
        <v>10855</v>
      </c>
    </row>
    <row r="7" spans="1:11" ht="15" customHeight="1">
      <c r="A7" s="17" t="s">
        <v>11</v>
      </c>
      <c r="B7" s="17"/>
      <c r="C7" s="13">
        <v>8694</v>
      </c>
      <c r="D7" s="19">
        <v>4473</v>
      </c>
      <c r="E7" s="19">
        <v>4221</v>
      </c>
      <c r="F7" s="19"/>
      <c r="G7" s="18" t="s">
        <v>12</v>
      </c>
      <c r="H7" s="17"/>
      <c r="I7" s="13">
        <v>21521</v>
      </c>
      <c r="J7" s="19">
        <v>11041</v>
      </c>
      <c r="K7" s="19">
        <v>10480</v>
      </c>
    </row>
    <row r="8" spans="1:11" ht="15" customHeight="1">
      <c r="A8" s="17" t="s">
        <v>13</v>
      </c>
      <c r="B8" s="17"/>
      <c r="C8" s="13">
        <v>8998</v>
      </c>
      <c r="D8" s="19">
        <v>4664</v>
      </c>
      <c r="E8" s="19">
        <v>4334</v>
      </c>
      <c r="F8" s="19"/>
      <c r="G8" s="18" t="s">
        <v>14</v>
      </c>
      <c r="H8" s="17"/>
      <c r="I8" s="13">
        <v>20861</v>
      </c>
      <c r="J8" s="19">
        <v>10777</v>
      </c>
      <c r="K8" s="19">
        <v>10084</v>
      </c>
    </row>
    <row r="9" spans="1:11" ht="15" customHeight="1">
      <c r="A9" s="17" t="s">
        <v>15</v>
      </c>
      <c r="B9" s="17"/>
      <c r="C9" s="13">
        <v>9530</v>
      </c>
      <c r="D9" s="19">
        <v>4874</v>
      </c>
      <c r="E9" s="19">
        <v>4656</v>
      </c>
      <c r="F9" s="19"/>
      <c r="G9" s="18" t="s">
        <v>16</v>
      </c>
      <c r="H9" s="17"/>
      <c r="I9" s="13">
        <v>20690</v>
      </c>
      <c r="J9" s="19">
        <v>10684</v>
      </c>
      <c r="K9" s="19">
        <v>10006</v>
      </c>
    </row>
    <row r="10" spans="1:11" ht="15" customHeight="1">
      <c r="A10" s="17" t="s">
        <v>17</v>
      </c>
      <c r="B10" s="17"/>
      <c r="C10" s="13">
        <v>9785</v>
      </c>
      <c r="D10" s="19">
        <v>4982</v>
      </c>
      <c r="E10" s="19">
        <v>4803</v>
      </c>
      <c r="F10" s="19"/>
      <c r="G10" s="18" t="s">
        <v>18</v>
      </c>
      <c r="H10" s="17"/>
      <c r="I10" s="13">
        <v>21129</v>
      </c>
      <c r="J10" s="19">
        <v>11049</v>
      </c>
      <c r="K10" s="19">
        <v>10080</v>
      </c>
    </row>
    <row r="11" spans="1:11" ht="20.100000000000001" customHeight="1">
      <c r="A11" s="17" t="s">
        <v>19</v>
      </c>
      <c r="B11" s="17"/>
      <c r="C11" s="13">
        <v>53885</v>
      </c>
      <c r="D11" s="14">
        <v>27726</v>
      </c>
      <c r="E11" s="14">
        <v>26159</v>
      </c>
      <c r="F11" s="14"/>
      <c r="G11" s="18" t="s">
        <v>20</v>
      </c>
      <c r="H11" s="17"/>
      <c r="I11" s="13">
        <v>84343</v>
      </c>
      <c r="J11" s="14">
        <v>43507</v>
      </c>
      <c r="K11" s="14">
        <v>40836</v>
      </c>
    </row>
    <row r="12" spans="1:11" ht="15" customHeight="1">
      <c r="A12" s="17" t="s">
        <v>21</v>
      </c>
      <c r="B12" s="17"/>
      <c r="C12" s="13">
        <v>10443</v>
      </c>
      <c r="D12" s="19">
        <v>5394</v>
      </c>
      <c r="E12" s="19">
        <v>5049</v>
      </c>
      <c r="F12" s="19"/>
      <c r="G12" s="18" t="s">
        <v>22</v>
      </c>
      <c r="H12" s="17"/>
      <c r="I12" s="13">
        <v>14935</v>
      </c>
      <c r="J12" s="19">
        <v>7766</v>
      </c>
      <c r="K12" s="19">
        <v>7169</v>
      </c>
    </row>
    <row r="13" spans="1:11" ht="15" customHeight="1">
      <c r="A13" s="17" t="s">
        <v>23</v>
      </c>
      <c r="B13" s="17"/>
      <c r="C13" s="13">
        <v>10654</v>
      </c>
      <c r="D13" s="19">
        <v>5431</v>
      </c>
      <c r="E13" s="19">
        <v>5223</v>
      </c>
      <c r="F13" s="19"/>
      <c r="G13" s="18" t="s">
        <v>24</v>
      </c>
      <c r="H13" s="17"/>
      <c r="I13" s="13">
        <v>19226</v>
      </c>
      <c r="J13" s="19">
        <v>9854</v>
      </c>
      <c r="K13" s="19">
        <v>9372</v>
      </c>
    </row>
    <row r="14" spans="1:11" ht="15" customHeight="1">
      <c r="A14" s="17" t="s">
        <v>25</v>
      </c>
      <c r="B14" s="17"/>
      <c r="C14" s="13">
        <v>10689</v>
      </c>
      <c r="D14" s="19">
        <v>5589</v>
      </c>
      <c r="E14" s="19">
        <v>5100</v>
      </c>
      <c r="F14" s="19"/>
      <c r="G14" s="18" t="s">
        <v>26</v>
      </c>
      <c r="H14" s="17"/>
      <c r="I14" s="13">
        <v>17833</v>
      </c>
      <c r="J14" s="19">
        <v>9178</v>
      </c>
      <c r="K14" s="19">
        <v>8655</v>
      </c>
    </row>
    <row r="15" spans="1:11" ht="15" customHeight="1">
      <c r="A15" s="17" t="s">
        <v>27</v>
      </c>
      <c r="B15" s="17"/>
      <c r="C15" s="13">
        <v>11062</v>
      </c>
      <c r="D15" s="19">
        <v>5670</v>
      </c>
      <c r="E15" s="19">
        <v>5392</v>
      </c>
      <c r="F15" s="19"/>
      <c r="G15" s="18" t="s">
        <v>28</v>
      </c>
      <c r="H15" s="17"/>
      <c r="I15" s="13">
        <v>16661</v>
      </c>
      <c r="J15" s="19">
        <v>8609</v>
      </c>
      <c r="K15" s="19">
        <v>8052</v>
      </c>
    </row>
    <row r="16" spans="1:11" ht="15" customHeight="1">
      <c r="A16" s="17" t="s">
        <v>29</v>
      </c>
      <c r="B16" s="17"/>
      <c r="C16" s="13">
        <v>11037</v>
      </c>
      <c r="D16" s="19">
        <v>5642</v>
      </c>
      <c r="E16" s="19">
        <v>5395</v>
      </c>
      <c r="F16" s="19"/>
      <c r="G16" s="18" t="s">
        <v>30</v>
      </c>
      <c r="H16" s="17"/>
      <c r="I16" s="13">
        <v>15688</v>
      </c>
      <c r="J16" s="19">
        <v>8100</v>
      </c>
      <c r="K16" s="19">
        <v>7588</v>
      </c>
    </row>
    <row r="17" spans="1:11" ht="20.100000000000001" customHeight="1">
      <c r="A17" s="20" t="s">
        <v>31</v>
      </c>
      <c r="B17" s="20"/>
      <c r="C17" s="13">
        <v>57828</v>
      </c>
      <c r="D17" s="14">
        <v>29524</v>
      </c>
      <c r="E17" s="14">
        <v>28304</v>
      </c>
      <c r="F17" s="14"/>
      <c r="G17" s="18" t="s">
        <v>32</v>
      </c>
      <c r="H17" s="17"/>
      <c r="I17" s="13">
        <v>71808</v>
      </c>
      <c r="J17" s="14">
        <v>36055</v>
      </c>
      <c r="K17" s="14">
        <v>35753</v>
      </c>
    </row>
    <row r="18" spans="1:11" ht="15" customHeight="1">
      <c r="A18" s="17" t="s">
        <v>33</v>
      </c>
      <c r="B18" s="17"/>
      <c r="C18" s="13">
        <v>11311</v>
      </c>
      <c r="D18" s="19">
        <v>5768</v>
      </c>
      <c r="E18" s="19">
        <v>5543</v>
      </c>
      <c r="F18" s="19"/>
      <c r="G18" s="18" t="s">
        <v>34</v>
      </c>
      <c r="H18" s="17"/>
      <c r="I18" s="13">
        <v>15140</v>
      </c>
      <c r="J18" s="19">
        <v>7639</v>
      </c>
      <c r="K18" s="19">
        <v>7501</v>
      </c>
    </row>
    <row r="19" spans="1:11" ht="15" customHeight="1">
      <c r="A19" s="17" t="s">
        <v>35</v>
      </c>
      <c r="B19" s="17"/>
      <c r="C19" s="13">
        <v>11323</v>
      </c>
      <c r="D19" s="19">
        <v>5784</v>
      </c>
      <c r="E19" s="19">
        <v>5539</v>
      </c>
      <c r="F19" s="19"/>
      <c r="G19" s="18" t="s">
        <v>36</v>
      </c>
      <c r="H19" s="17"/>
      <c r="I19" s="13">
        <v>14684</v>
      </c>
      <c r="J19" s="19">
        <v>7374</v>
      </c>
      <c r="K19" s="19">
        <v>7310</v>
      </c>
    </row>
    <row r="20" spans="1:11" ht="15" customHeight="1">
      <c r="A20" s="17" t="s">
        <v>37</v>
      </c>
      <c r="B20" s="17"/>
      <c r="C20" s="13">
        <v>11575</v>
      </c>
      <c r="D20" s="19">
        <v>5852</v>
      </c>
      <c r="E20" s="19">
        <v>5723</v>
      </c>
      <c r="F20" s="19"/>
      <c r="G20" s="18" t="s">
        <v>38</v>
      </c>
      <c r="H20" s="17"/>
      <c r="I20" s="13">
        <v>14293</v>
      </c>
      <c r="J20" s="19">
        <v>7253</v>
      </c>
      <c r="K20" s="19">
        <v>7040</v>
      </c>
    </row>
    <row r="21" spans="1:11" ht="15" customHeight="1">
      <c r="A21" s="17" t="s">
        <v>39</v>
      </c>
      <c r="B21" s="17"/>
      <c r="C21" s="13">
        <v>11844</v>
      </c>
      <c r="D21" s="19">
        <v>6063</v>
      </c>
      <c r="E21" s="19">
        <v>5781</v>
      </c>
      <c r="F21" s="19"/>
      <c r="G21" s="18" t="s">
        <v>40</v>
      </c>
      <c r="H21" s="17"/>
      <c r="I21" s="13">
        <v>14504</v>
      </c>
      <c r="J21" s="19">
        <v>7233</v>
      </c>
      <c r="K21" s="19">
        <v>7271</v>
      </c>
    </row>
    <row r="22" spans="1:11" ht="15" customHeight="1">
      <c r="A22" s="17" t="s">
        <v>41</v>
      </c>
      <c r="B22" s="17"/>
      <c r="C22" s="13">
        <v>11775</v>
      </c>
      <c r="D22" s="19">
        <v>6057</v>
      </c>
      <c r="E22" s="19">
        <v>5718</v>
      </c>
      <c r="F22" s="19"/>
      <c r="G22" s="18" t="s">
        <v>42</v>
      </c>
      <c r="H22" s="17"/>
      <c r="I22" s="13">
        <v>13187</v>
      </c>
      <c r="J22" s="19">
        <v>6556</v>
      </c>
      <c r="K22" s="19">
        <v>6631</v>
      </c>
    </row>
    <row r="23" spans="1:11" ht="20.100000000000001" customHeight="1">
      <c r="A23" s="17" t="s">
        <v>43</v>
      </c>
      <c r="B23" s="17"/>
      <c r="C23" s="13">
        <v>59859</v>
      </c>
      <c r="D23" s="14">
        <v>30442</v>
      </c>
      <c r="E23" s="14">
        <v>29417</v>
      </c>
      <c r="F23" s="14"/>
      <c r="G23" s="18" t="s">
        <v>44</v>
      </c>
      <c r="H23" s="17"/>
      <c r="I23" s="13">
        <v>72777</v>
      </c>
      <c r="J23" s="14">
        <v>35420</v>
      </c>
      <c r="K23" s="14">
        <v>37357</v>
      </c>
    </row>
    <row r="24" spans="1:11" ht="15" customHeight="1">
      <c r="A24" s="17" t="s">
        <v>45</v>
      </c>
      <c r="B24" s="17"/>
      <c r="C24" s="13">
        <v>11725</v>
      </c>
      <c r="D24" s="19">
        <v>6033</v>
      </c>
      <c r="E24" s="19">
        <v>5692</v>
      </c>
      <c r="F24" s="19"/>
      <c r="G24" s="18" t="s">
        <v>46</v>
      </c>
      <c r="H24" s="17"/>
      <c r="I24" s="13">
        <v>13626</v>
      </c>
      <c r="J24" s="19">
        <v>6743</v>
      </c>
      <c r="K24" s="19">
        <v>6883</v>
      </c>
    </row>
    <row r="25" spans="1:11" ht="15" customHeight="1">
      <c r="A25" s="17" t="s">
        <v>47</v>
      </c>
      <c r="B25" s="17"/>
      <c r="C25" s="13">
        <v>11475</v>
      </c>
      <c r="D25" s="19">
        <v>5758</v>
      </c>
      <c r="E25" s="19">
        <v>5717</v>
      </c>
      <c r="F25" s="19"/>
      <c r="G25" s="18" t="s">
        <v>48</v>
      </c>
      <c r="H25" s="17"/>
      <c r="I25" s="13">
        <v>14313</v>
      </c>
      <c r="J25" s="19">
        <v>7055</v>
      </c>
      <c r="K25" s="19">
        <v>7258</v>
      </c>
    </row>
    <row r="26" spans="1:11" ht="15" customHeight="1">
      <c r="A26" s="17" t="s">
        <v>49</v>
      </c>
      <c r="B26" s="17"/>
      <c r="C26" s="13">
        <v>11971</v>
      </c>
      <c r="D26" s="19">
        <v>5982</v>
      </c>
      <c r="E26" s="19">
        <v>5989</v>
      </c>
      <c r="F26" s="19"/>
      <c r="G26" s="18" t="s">
        <v>50</v>
      </c>
      <c r="H26" s="17"/>
      <c r="I26" s="13">
        <v>14219</v>
      </c>
      <c r="J26" s="19">
        <v>7032</v>
      </c>
      <c r="K26" s="19">
        <v>7187</v>
      </c>
    </row>
    <row r="27" spans="1:11" ht="15" customHeight="1">
      <c r="A27" s="17" t="s">
        <v>51</v>
      </c>
      <c r="B27" s="17"/>
      <c r="C27" s="13">
        <v>12241</v>
      </c>
      <c r="D27" s="19">
        <v>6257</v>
      </c>
      <c r="E27" s="19">
        <v>5984</v>
      </c>
      <c r="F27" s="19"/>
      <c r="G27" s="18" t="s">
        <v>52</v>
      </c>
      <c r="H27" s="17"/>
      <c r="I27" s="13">
        <v>14650</v>
      </c>
      <c r="J27" s="19">
        <v>6979</v>
      </c>
      <c r="K27" s="19">
        <v>7671</v>
      </c>
    </row>
    <row r="28" spans="1:11" ht="15" customHeight="1">
      <c r="A28" s="17" t="s">
        <v>53</v>
      </c>
      <c r="B28" s="17"/>
      <c r="C28" s="13">
        <v>12447</v>
      </c>
      <c r="D28" s="19">
        <v>6412</v>
      </c>
      <c r="E28" s="19">
        <v>6035</v>
      </c>
      <c r="F28" s="19"/>
      <c r="G28" s="18" t="s">
        <v>54</v>
      </c>
      <c r="H28" s="17"/>
      <c r="I28" s="13">
        <v>15969</v>
      </c>
      <c r="J28" s="19">
        <v>7611</v>
      </c>
      <c r="K28" s="19">
        <v>8358</v>
      </c>
    </row>
    <row r="29" spans="1:11" ht="20.100000000000001" customHeight="1">
      <c r="A29" s="17" t="s">
        <v>55</v>
      </c>
      <c r="B29" s="17"/>
      <c r="C29" s="13">
        <v>67558</v>
      </c>
      <c r="D29" s="14">
        <v>35604</v>
      </c>
      <c r="E29" s="14">
        <v>31954</v>
      </c>
      <c r="F29" s="14"/>
      <c r="G29" s="18" t="s">
        <v>56</v>
      </c>
      <c r="H29" s="17"/>
      <c r="I29" s="13">
        <v>96311</v>
      </c>
      <c r="J29" s="14">
        <v>45110</v>
      </c>
      <c r="K29" s="14">
        <v>51201</v>
      </c>
    </row>
    <row r="30" spans="1:11" ht="15" customHeight="1">
      <c r="A30" s="17" t="s">
        <v>57</v>
      </c>
      <c r="B30" s="17"/>
      <c r="C30" s="13">
        <v>13712</v>
      </c>
      <c r="D30" s="19">
        <v>7273</v>
      </c>
      <c r="E30" s="19">
        <v>6439</v>
      </c>
      <c r="F30" s="19"/>
      <c r="G30" s="18" t="s">
        <v>58</v>
      </c>
      <c r="H30" s="17"/>
      <c r="I30" s="13">
        <v>16946</v>
      </c>
      <c r="J30" s="19">
        <v>7969</v>
      </c>
      <c r="K30" s="19">
        <v>8977</v>
      </c>
    </row>
    <row r="31" spans="1:11" ht="15" customHeight="1">
      <c r="A31" s="17" t="s">
        <v>59</v>
      </c>
      <c r="B31" s="17"/>
      <c r="C31" s="13">
        <v>14219</v>
      </c>
      <c r="D31" s="19">
        <v>7508</v>
      </c>
      <c r="E31" s="19">
        <v>6711</v>
      </c>
      <c r="F31" s="19"/>
      <c r="G31" s="18" t="s">
        <v>60</v>
      </c>
      <c r="H31" s="17"/>
      <c r="I31" s="13">
        <v>18218</v>
      </c>
      <c r="J31" s="19">
        <v>8731</v>
      </c>
      <c r="K31" s="19">
        <v>9487</v>
      </c>
    </row>
    <row r="32" spans="1:11" ht="15" customHeight="1">
      <c r="A32" s="17" t="s">
        <v>61</v>
      </c>
      <c r="B32" s="17"/>
      <c r="C32" s="13">
        <v>13637</v>
      </c>
      <c r="D32" s="19">
        <v>7123</v>
      </c>
      <c r="E32" s="19">
        <v>6514</v>
      </c>
      <c r="F32" s="19"/>
      <c r="G32" s="18" t="s">
        <v>62</v>
      </c>
      <c r="H32" s="17"/>
      <c r="I32" s="13">
        <v>20943</v>
      </c>
      <c r="J32" s="19">
        <v>9727</v>
      </c>
      <c r="K32" s="19">
        <v>11216</v>
      </c>
    </row>
    <row r="33" spans="1:11" ht="15" customHeight="1">
      <c r="A33" s="17" t="s">
        <v>63</v>
      </c>
      <c r="B33" s="17"/>
      <c r="C33" s="13">
        <v>13312</v>
      </c>
      <c r="D33" s="19">
        <v>7118</v>
      </c>
      <c r="E33" s="19">
        <v>6194</v>
      </c>
      <c r="F33" s="19"/>
      <c r="G33" s="18" t="s">
        <v>64</v>
      </c>
      <c r="H33" s="17"/>
      <c r="I33" s="13">
        <v>20200</v>
      </c>
      <c r="J33" s="19">
        <v>9403</v>
      </c>
      <c r="K33" s="19">
        <v>10797</v>
      </c>
    </row>
    <row r="34" spans="1:11" ht="15" customHeight="1">
      <c r="A34" s="17" t="s">
        <v>65</v>
      </c>
      <c r="B34" s="17"/>
      <c r="C34" s="13">
        <v>12678</v>
      </c>
      <c r="D34" s="19">
        <v>6582</v>
      </c>
      <c r="E34" s="19">
        <v>6096</v>
      </c>
      <c r="F34" s="19"/>
      <c r="G34" s="18" t="s">
        <v>66</v>
      </c>
      <c r="H34" s="17"/>
      <c r="I34" s="13">
        <v>20004</v>
      </c>
      <c r="J34" s="19">
        <v>9280</v>
      </c>
      <c r="K34" s="19">
        <v>10724</v>
      </c>
    </row>
    <row r="35" spans="1:11" ht="20.100000000000001" customHeight="1">
      <c r="A35" s="17" t="s">
        <v>67</v>
      </c>
      <c r="B35" s="17"/>
      <c r="C35" s="13">
        <v>59128</v>
      </c>
      <c r="D35" s="14">
        <v>31122</v>
      </c>
      <c r="E35" s="14">
        <v>28006</v>
      </c>
      <c r="F35" s="14"/>
      <c r="G35" s="18" t="s">
        <v>68</v>
      </c>
      <c r="H35" s="17"/>
      <c r="I35" s="13">
        <v>72118</v>
      </c>
      <c r="J35" s="14">
        <v>32992</v>
      </c>
      <c r="K35" s="14">
        <v>39126</v>
      </c>
    </row>
    <row r="36" spans="1:11" ht="15" customHeight="1">
      <c r="A36" s="17" t="s">
        <v>69</v>
      </c>
      <c r="B36" s="17"/>
      <c r="C36" s="13">
        <v>12154</v>
      </c>
      <c r="D36" s="19">
        <v>6431</v>
      </c>
      <c r="E36" s="19">
        <v>5723</v>
      </c>
      <c r="F36" s="19"/>
      <c r="G36" s="18" t="s">
        <v>70</v>
      </c>
      <c r="H36" s="17"/>
      <c r="I36" s="13">
        <v>14217</v>
      </c>
      <c r="J36" s="19">
        <v>6606</v>
      </c>
      <c r="K36" s="19">
        <v>7611</v>
      </c>
    </row>
    <row r="37" spans="1:11" ht="15" customHeight="1">
      <c r="A37" s="17" t="s">
        <v>71</v>
      </c>
      <c r="B37" s="17"/>
      <c r="C37" s="13">
        <v>11847</v>
      </c>
      <c r="D37" s="19">
        <v>6266</v>
      </c>
      <c r="E37" s="19">
        <v>5581</v>
      </c>
      <c r="F37" s="19"/>
      <c r="G37" s="18" t="s">
        <v>72</v>
      </c>
      <c r="H37" s="17"/>
      <c r="I37" s="13">
        <v>12355</v>
      </c>
      <c r="J37" s="19">
        <v>5758</v>
      </c>
      <c r="K37" s="19">
        <v>6597</v>
      </c>
    </row>
    <row r="38" spans="1:11" ht="15" customHeight="1">
      <c r="A38" s="17" t="s">
        <v>73</v>
      </c>
      <c r="B38" s="17"/>
      <c r="C38" s="13">
        <v>11998</v>
      </c>
      <c r="D38" s="19">
        <v>6303</v>
      </c>
      <c r="E38" s="19">
        <v>5695</v>
      </c>
      <c r="F38" s="19"/>
      <c r="G38" s="18" t="s">
        <v>74</v>
      </c>
      <c r="H38" s="17"/>
      <c r="I38" s="13">
        <v>15020</v>
      </c>
      <c r="J38" s="19">
        <v>6863</v>
      </c>
      <c r="K38" s="19">
        <v>8157</v>
      </c>
    </row>
    <row r="39" spans="1:11" ht="15" customHeight="1">
      <c r="A39" s="17" t="s">
        <v>75</v>
      </c>
      <c r="B39" s="17"/>
      <c r="C39" s="13">
        <v>11699</v>
      </c>
      <c r="D39" s="19">
        <v>6183</v>
      </c>
      <c r="E39" s="19">
        <v>5516</v>
      </c>
      <c r="F39" s="19"/>
      <c r="G39" s="18" t="s">
        <v>76</v>
      </c>
      <c r="H39" s="17"/>
      <c r="I39" s="13">
        <v>15663</v>
      </c>
      <c r="J39" s="19">
        <v>7071</v>
      </c>
      <c r="K39" s="19">
        <v>8592</v>
      </c>
    </row>
    <row r="40" spans="1:11" ht="15" customHeight="1">
      <c r="A40" s="17" t="s">
        <v>77</v>
      </c>
      <c r="B40" s="17"/>
      <c r="C40" s="13">
        <v>11430</v>
      </c>
      <c r="D40" s="19">
        <v>5939</v>
      </c>
      <c r="E40" s="19">
        <v>5491</v>
      </c>
      <c r="F40" s="19"/>
      <c r="G40" s="18" t="s">
        <v>78</v>
      </c>
      <c r="H40" s="17"/>
      <c r="I40" s="13">
        <v>14863</v>
      </c>
      <c r="J40" s="19">
        <v>6694</v>
      </c>
      <c r="K40" s="19">
        <v>8169</v>
      </c>
    </row>
    <row r="41" spans="1:11" ht="20.100000000000001" customHeight="1">
      <c r="A41" s="17" t="s">
        <v>79</v>
      </c>
      <c r="B41" s="17"/>
      <c r="C41" s="13">
        <v>61960</v>
      </c>
      <c r="D41" s="14">
        <v>31853</v>
      </c>
      <c r="E41" s="14">
        <v>30107</v>
      </c>
      <c r="F41" s="14"/>
      <c r="G41" s="18" t="s">
        <v>80</v>
      </c>
      <c r="H41" s="17"/>
      <c r="I41" s="13">
        <v>57349</v>
      </c>
      <c r="J41" s="14">
        <v>25090</v>
      </c>
      <c r="K41" s="14">
        <v>32259</v>
      </c>
    </row>
    <row r="42" spans="1:11" ht="15" customHeight="1">
      <c r="A42" s="17" t="s">
        <v>81</v>
      </c>
      <c r="B42" s="17"/>
      <c r="C42" s="13">
        <v>12003</v>
      </c>
      <c r="D42" s="19">
        <v>6285</v>
      </c>
      <c r="E42" s="19">
        <v>5718</v>
      </c>
      <c r="F42" s="19"/>
      <c r="G42" s="18" t="s">
        <v>82</v>
      </c>
      <c r="H42" s="17"/>
      <c r="I42" s="13">
        <v>14447</v>
      </c>
      <c r="J42" s="19">
        <v>6402</v>
      </c>
      <c r="K42" s="19">
        <v>8045</v>
      </c>
    </row>
    <row r="43" spans="1:11" ht="15" customHeight="1">
      <c r="A43" s="17" t="s">
        <v>83</v>
      </c>
      <c r="B43" s="17"/>
      <c r="C43" s="13">
        <v>11911</v>
      </c>
      <c r="D43" s="19">
        <v>6101</v>
      </c>
      <c r="E43" s="19">
        <v>5810</v>
      </c>
      <c r="F43" s="19"/>
      <c r="G43" s="18" t="s">
        <v>84</v>
      </c>
      <c r="H43" s="17"/>
      <c r="I43" s="13">
        <v>12652</v>
      </c>
      <c r="J43" s="19">
        <v>5592</v>
      </c>
      <c r="K43" s="19">
        <v>7060</v>
      </c>
    </row>
    <row r="44" spans="1:11" ht="15" customHeight="1">
      <c r="A44" s="17" t="s">
        <v>85</v>
      </c>
      <c r="B44" s="17"/>
      <c r="C44" s="13">
        <v>12183</v>
      </c>
      <c r="D44" s="19">
        <v>6231</v>
      </c>
      <c r="E44" s="19">
        <v>5952</v>
      </c>
      <c r="F44" s="19"/>
      <c r="G44" s="18" t="s">
        <v>86</v>
      </c>
      <c r="H44" s="17"/>
      <c r="I44" s="13">
        <v>10404</v>
      </c>
      <c r="J44" s="19">
        <v>4618</v>
      </c>
      <c r="K44" s="19">
        <v>5786</v>
      </c>
    </row>
    <row r="45" spans="1:11" ht="15" customHeight="1">
      <c r="A45" s="17" t="s">
        <v>87</v>
      </c>
      <c r="B45" s="17"/>
      <c r="C45" s="13">
        <v>12841</v>
      </c>
      <c r="D45" s="19">
        <v>6579</v>
      </c>
      <c r="E45" s="19">
        <v>6262</v>
      </c>
      <c r="F45" s="19"/>
      <c r="G45" s="18" t="s">
        <v>88</v>
      </c>
      <c r="H45" s="17"/>
      <c r="I45" s="13">
        <v>9534</v>
      </c>
      <c r="J45" s="19">
        <v>4089</v>
      </c>
      <c r="K45" s="19">
        <v>5445</v>
      </c>
    </row>
    <row r="46" spans="1:11" ht="15" customHeight="1">
      <c r="A46" s="17" t="s">
        <v>89</v>
      </c>
      <c r="B46" s="17"/>
      <c r="C46" s="13">
        <v>13022</v>
      </c>
      <c r="D46" s="19">
        <v>6657</v>
      </c>
      <c r="E46" s="19">
        <v>6365</v>
      </c>
      <c r="F46" s="19"/>
      <c r="G46" s="18" t="s">
        <v>90</v>
      </c>
      <c r="H46" s="17"/>
      <c r="I46" s="13">
        <v>10312</v>
      </c>
      <c r="J46" s="19">
        <v>4389</v>
      </c>
      <c r="K46" s="19">
        <v>5923</v>
      </c>
    </row>
    <row r="47" spans="1:11" ht="20.100000000000001" customHeight="1">
      <c r="A47" s="17" t="s">
        <v>91</v>
      </c>
      <c r="B47" s="17"/>
      <c r="C47" s="13">
        <v>74318</v>
      </c>
      <c r="D47" s="14">
        <v>37892</v>
      </c>
      <c r="E47" s="14">
        <v>36426</v>
      </c>
      <c r="F47" s="14"/>
      <c r="G47" s="18" t="s">
        <v>92</v>
      </c>
      <c r="H47" s="17"/>
      <c r="I47" s="13">
        <v>35636</v>
      </c>
      <c r="J47" s="14">
        <v>13688</v>
      </c>
      <c r="K47" s="14">
        <v>21948</v>
      </c>
    </row>
    <row r="48" spans="1:11" ht="15" customHeight="1">
      <c r="A48" s="17" t="s">
        <v>93</v>
      </c>
      <c r="B48" s="17"/>
      <c r="C48" s="13">
        <v>13495</v>
      </c>
      <c r="D48" s="19">
        <v>7048</v>
      </c>
      <c r="E48" s="19">
        <v>6447</v>
      </c>
      <c r="F48" s="19"/>
      <c r="G48" s="18" t="s">
        <v>94</v>
      </c>
      <c r="H48" s="17"/>
      <c r="I48" s="13">
        <v>8872</v>
      </c>
      <c r="J48" s="19">
        <v>3607</v>
      </c>
      <c r="K48" s="19">
        <v>5265</v>
      </c>
    </row>
    <row r="49" spans="1:11" ht="15" customHeight="1">
      <c r="A49" s="17" t="s">
        <v>95</v>
      </c>
      <c r="B49" s="17"/>
      <c r="C49" s="13">
        <v>14299</v>
      </c>
      <c r="D49" s="19">
        <v>7217</v>
      </c>
      <c r="E49" s="19">
        <v>7082</v>
      </c>
      <c r="F49" s="19"/>
      <c r="G49" s="18" t="s">
        <v>96</v>
      </c>
      <c r="H49" s="17"/>
      <c r="I49" s="13">
        <v>8430</v>
      </c>
      <c r="J49" s="19">
        <v>3368</v>
      </c>
      <c r="K49" s="19">
        <v>5062</v>
      </c>
    </row>
    <row r="50" spans="1:11" ht="15" customHeight="1">
      <c r="A50" s="17" t="s">
        <v>97</v>
      </c>
      <c r="B50" s="17"/>
      <c r="C50" s="13">
        <v>14988</v>
      </c>
      <c r="D50" s="19">
        <v>7507</v>
      </c>
      <c r="E50" s="19">
        <v>7481</v>
      </c>
      <c r="F50" s="19"/>
      <c r="G50" s="18" t="s">
        <v>98</v>
      </c>
      <c r="H50" s="17"/>
      <c r="I50" s="13">
        <v>6879</v>
      </c>
      <c r="J50" s="19">
        <v>2583</v>
      </c>
      <c r="K50" s="19">
        <v>4296</v>
      </c>
    </row>
    <row r="51" spans="1:11" ht="15" customHeight="1">
      <c r="A51" s="17" t="s">
        <v>99</v>
      </c>
      <c r="B51" s="17"/>
      <c r="C51" s="13">
        <v>15721</v>
      </c>
      <c r="D51" s="19">
        <v>8052</v>
      </c>
      <c r="E51" s="19">
        <v>7669</v>
      </c>
      <c r="F51" s="19"/>
      <c r="G51" s="18" t="s">
        <v>100</v>
      </c>
      <c r="H51" s="17"/>
      <c r="I51" s="13">
        <v>6107</v>
      </c>
      <c r="J51" s="19">
        <v>2247</v>
      </c>
      <c r="K51" s="19">
        <v>3860</v>
      </c>
    </row>
    <row r="52" spans="1:11" ht="15" customHeight="1">
      <c r="A52" s="17" t="s">
        <v>101</v>
      </c>
      <c r="B52" s="17"/>
      <c r="C52" s="13">
        <v>15815</v>
      </c>
      <c r="D52" s="19">
        <v>8068</v>
      </c>
      <c r="E52" s="19">
        <v>7747</v>
      </c>
      <c r="F52" s="19"/>
      <c r="G52" s="18" t="s">
        <v>102</v>
      </c>
      <c r="H52" s="17"/>
      <c r="I52" s="13">
        <v>5348</v>
      </c>
      <c r="J52" s="19">
        <v>1883</v>
      </c>
      <c r="K52" s="19">
        <v>3465</v>
      </c>
    </row>
    <row r="53" spans="1:11" ht="20.100000000000001" customHeight="1">
      <c r="A53" s="17" t="s">
        <v>103</v>
      </c>
      <c r="B53" s="17"/>
      <c r="C53" s="13">
        <v>87648</v>
      </c>
      <c r="D53" s="14">
        <v>44404</v>
      </c>
      <c r="E53" s="14">
        <v>43244</v>
      </c>
      <c r="F53" s="14"/>
      <c r="G53" s="18" t="s">
        <v>104</v>
      </c>
      <c r="H53" s="17"/>
      <c r="I53" s="13">
        <v>16724</v>
      </c>
      <c r="J53" s="14">
        <v>4949</v>
      </c>
      <c r="K53" s="14">
        <v>11775</v>
      </c>
    </row>
    <row r="54" spans="1:11" ht="15" customHeight="1">
      <c r="A54" s="17" t="s">
        <v>105</v>
      </c>
      <c r="B54" s="17"/>
      <c r="C54" s="13">
        <v>16300</v>
      </c>
      <c r="D54" s="19">
        <v>8167</v>
      </c>
      <c r="E54" s="19">
        <v>8133</v>
      </c>
      <c r="F54" s="19"/>
      <c r="G54" s="18" t="s">
        <v>106</v>
      </c>
      <c r="H54" s="17"/>
      <c r="I54" s="13">
        <v>4756</v>
      </c>
      <c r="J54" s="19">
        <v>1518</v>
      </c>
      <c r="K54" s="19">
        <v>3238</v>
      </c>
    </row>
    <row r="55" spans="1:11" ht="15" customHeight="1">
      <c r="A55" s="17" t="s">
        <v>107</v>
      </c>
      <c r="B55" s="17"/>
      <c r="C55" s="13">
        <v>16730</v>
      </c>
      <c r="D55" s="19">
        <v>8473</v>
      </c>
      <c r="E55" s="19">
        <v>8257</v>
      </c>
      <c r="F55" s="19"/>
      <c r="G55" s="18" t="s">
        <v>108</v>
      </c>
      <c r="H55" s="17"/>
      <c r="I55" s="13">
        <v>3942</v>
      </c>
      <c r="J55" s="19">
        <v>1197</v>
      </c>
      <c r="K55" s="19">
        <v>2745</v>
      </c>
    </row>
    <row r="56" spans="1:11" ht="15" customHeight="1">
      <c r="A56" s="17" t="s">
        <v>109</v>
      </c>
      <c r="B56" s="17"/>
      <c r="C56" s="13">
        <v>17714</v>
      </c>
      <c r="D56" s="19">
        <v>9055</v>
      </c>
      <c r="E56" s="19">
        <v>8659</v>
      </c>
      <c r="F56" s="19"/>
      <c r="G56" s="18" t="s">
        <v>110</v>
      </c>
      <c r="H56" s="17"/>
      <c r="I56" s="13">
        <v>3229</v>
      </c>
      <c r="J56" s="19">
        <v>964</v>
      </c>
      <c r="K56" s="19">
        <v>2265</v>
      </c>
    </row>
    <row r="57" spans="1:11" ht="15" customHeight="1">
      <c r="A57" s="17" t="s">
        <v>111</v>
      </c>
      <c r="B57" s="17"/>
      <c r="C57" s="13">
        <v>18272</v>
      </c>
      <c r="D57" s="19">
        <v>9191</v>
      </c>
      <c r="E57" s="19">
        <v>9081</v>
      </c>
      <c r="F57" s="19"/>
      <c r="G57" s="18" t="s">
        <v>112</v>
      </c>
      <c r="H57" s="17"/>
      <c r="I57" s="13">
        <v>2803</v>
      </c>
      <c r="J57" s="19">
        <v>756</v>
      </c>
      <c r="K57" s="19">
        <v>2047</v>
      </c>
    </row>
    <row r="58" spans="1:11" ht="15" customHeight="1">
      <c r="A58" s="17" t="s">
        <v>113</v>
      </c>
      <c r="B58" s="17"/>
      <c r="C58" s="13">
        <v>18632</v>
      </c>
      <c r="D58" s="19">
        <v>9518</v>
      </c>
      <c r="E58" s="19">
        <v>9114</v>
      </c>
      <c r="F58" s="19"/>
      <c r="G58" s="18" t="s">
        <v>114</v>
      </c>
      <c r="H58" s="17"/>
      <c r="I58" s="13">
        <v>1994</v>
      </c>
      <c r="J58" s="19">
        <v>514</v>
      </c>
      <c r="K58" s="19">
        <v>1480</v>
      </c>
    </row>
    <row r="59" spans="1:11" ht="20.100000000000001" customHeight="1">
      <c r="A59" s="17" t="s">
        <v>115</v>
      </c>
      <c r="B59" s="17"/>
      <c r="C59" s="13">
        <v>106210</v>
      </c>
      <c r="D59" s="14">
        <v>53755</v>
      </c>
      <c r="E59" s="14">
        <v>52455</v>
      </c>
      <c r="F59" s="14"/>
      <c r="G59" s="18" t="s">
        <v>116</v>
      </c>
      <c r="H59" s="17"/>
      <c r="I59" s="13">
        <v>4639</v>
      </c>
      <c r="J59" s="14">
        <v>985</v>
      </c>
      <c r="K59" s="14">
        <v>3654</v>
      </c>
    </row>
    <row r="60" spans="1:11" ht="15" customHeight="1">
      <c r="A60" s="17" t="s">
        <v>117</v>
      </c>
      <c r="B60" s="17"/>
      <c r="C60" s="13">
        <v>19425</v>
      </c>
      <c r="D60" s="19">
        <v>9896</v>
      </c>
      <c r="E60" s="19">
        <v>9529</v>
      </c>
      <c r="F60" s="19"/>
      <c r="G60" s="18" t="s">
        <v>118</v>
      </c>
      <c r="H60" s="17"/>
      <c r="I60" s="13">
        <v>1567</v>
      </c>
      <c r="J60" s="19">
        <v>396</v>
      </c>
      <c r="K60" s="19">
        <v>1171</v>
      </c>
    </row>
    <row r="61" spans="1:11" ht="15" customHeight="1">
      <c r="A61" s="17" t="s">
        <v>119</v>
      </c>
      <c r="B61" s="17"/>
      <c r="C61" s="13">
        <v>20125</v>
      </c>
      <c r="D61" s="19">
        <v>10066</v>
      </c>
      <c r="E61" s="19">
        <v>10059</v>
      </c>
      <c r="F61" s="19"/>
      <c r="G61" s="18" t="s">
        <v>120</v>
      </c>
      <c r="H61" s="17"/>
      <c r="I61" s="13">
        <v>1216</v>
      </c>
      <c r="J61" s="19">
        <v>238</v>
      </c>
      <c r="K61" s="19">
        <v>978</v>
      </c>
    </row>
    <row r="62" spans="1:11" ht="15" customHeight="1">
      <c r="A62" s="17" t="s">
        <v>121</v>
      </c>
      <c r="B62" s="17"/>
      <c r="C62" s="13">
        <v>21714</v>
      </c>
      <c r="D62" s="19">
        <v>11016</v>
      </c>
      <c r="E62" s="19">
        <v>10698</v>
      </c>
      <c r="F62" s="19"/>
      <c r="G62" s="18" t="s">
        <v>122</v>
      </c>
      <c r="H62" s="17"/>
      <c r="I62" s="13">
        <v>819</v>
      </c>
      <c r="J62" s="19">
        <v>155</v>
      </c>
      <c r="K62" s="19">
        <v>664</v>
      </c>
    </row>
    <row r="63" spans="1:11" ht="15" customHeight="1">
      <c r="A63" s="17" t="s">
        <v>123</v>
      </c>
      <c r="B63" s="17"/>
      <c r="C63" s="13">
        <v>22661</v>
      </c>
      <c r="D63" s="19">
        <v>11473</v>
      </c>
      <c r="E63" s="19">
        <v>11188</v>
      </c>
      <c r="F63" s="19"/>
      <c r="G63" s="18" t="s">
        <v>124</v>
      </c>
      <c r="H63" s="17"/>
      <c r="I63" s="13">
        <v>601</v>
      </c>
      <c r="J63" s="19">
        <v>124</v>
      </c>
      <c r="K63" s="19">
        <v>477</v>
      </c>
    </row>
    <row r="64" spans="1:11" ht="15" customHeight="1">
      <c r="A64" s="17" t="s">
        <v>125</v>
      </c>
      <c r="B64" s="17"/>
      <c r="C64" s="13">
        <v>22285</v>
      </c>
      <c r="D64" s="19">
        <v>11304</v>
      </c>
      <c r="E64" s="19">
        <v>10981</v>
      </c>
      <c r="F64" s="19"/>
      <c r="G64" s="18" t="s">
        <v>126</v>
      </c>
      <c r="H64" s="17"/>
      <c r="I64" s="13">
        <v>436</v>
      </c>
      <c r="J64" s="19">
        <v>72</v>
      </c>
      <c r="K64" s="19">
        <v>364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762</v>
      </c>
      <c r="J65" s="19">
        <v>115</v>
      </c>
      <c r="K65" s="19">
        <v>647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21295</v>
      </c>
      <c r="J66" s="27">
        <v>12666</v>
      </c>
      <c r="K66" s="27">
        <v>8629</v>
      </c>
    </row>
    <row r="68" spans="1:11">
      <c r="F68" s="28"/>
    </row>
    <row r="75" spans="1:11">
      <c r="F75" s="29"/>
    </row>
    <row r="76" spans="1:11">
      <c r="F76" s="22"/>
    </row>
    <row r="77" spans="1:11">
      <c r="F77" s="22"/>
    </row>
    <row r="78" spans="1:11">
      <c r="F78" s="22"/>
    </row>
    <row r="79" spans="1:11">
      <c r="F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65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57631</v>
      </c>
      <c r="D4" s="14">
        <v>128573</v>
      </c>
      <c r="E4" s="14">
        <v>12905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100</v>
      </c>
      <c r="D5" s="14">
        <v>4123</v>
      </c>
      <c r="E5" s="14">
        <v>3977</v>
      </c>
      <c r="F5" s="14"/>
      <c r="G5" s="18" t="s">
        <v>8</v>
      </c>
      <c r="H5" s="17"/>
      <c r="I5" s="13">
        <v>20600</v>
      </c>
      <c r="J5" s="14">
        <v>10713</v>
      </c>
      <c r="K5" s="14">
        <v>9887</v>
      </c>
    </row>
    <row r="6" spans="1:11" ht="15" customHeight="1">
      <c r="A6" s="17" t="s">
        <v>9</v>
      </c>
      <c r="B6" s="17"/>
      <c r="C6" s="13">
        <v>1463</v>
      </c>
      <c r="D6" s="19">
        <v>726</v>
      </c>
      <c r="E6" s="19">
        <v>737</v>
      </c>
      <c r="F6" s="19"/>
      <c r="G6" s="18" t="s">
        <v>10</v>
      </c>
      <c r="H6" s="17"/>
      <c r="I6" s="13">
        <v>4224</v>
      </c>
      <c r="J6" s="19">
        <v>2193</v>
      </c>
      <c r="K6" s="19">
        <v>2031</v>
      </c>
    </row>
    <row r="7" spans="1:11" ht="15" customHeight="1">
      <c r="A7" s="17" t="s">
        <v>11</v>
      </c>
      <c r="B7" s="17"/>
      <c r="C7" s="13">
        <v>1558</v>
      </c>
      <c r="D7" s="19">
        <v>808</v>
      </c>
      <c r="E7" s="19">
        <v>750</v>
      </c>
      <c r="F7" s="19"/>
      <c r="G7" s="18" t="s">
        <v>12</v>
      </c>
      <c r="H7" s="17"/>
      <c r="I7" s="13">
        <v>4187</v>
      </c>
      <c r="J7" s="19">
        <v>2192</v>
      </c>
      <c r="K7" s="19">
        <v>1995</v>
      </c>
    </row>
    <row r="8" spans="1:11" ht="15" customHeight="1">
      <c r="A8" s="17" t="s">
        <v>13</v>
      </c>
      <c r="B8" s="17"/>
      <c r="C8" s="13">
        <v>1634</v>
      </c>
      <c r="D8" s="19">
        <v>834</v>
      </c>
      <c r="E8" s="19">
        <v>800</v>
      </c>
      <c r="F8" s="19"/>
      <c r="G8" s="18" t="s">
        <v>14</v>
      </c>
      <c r="H8" s="17"/>
      <c r="I8" s="13">
        <v>4107</v>
      </c>
      <c r="J8" s="19">
        <v>2101</v>
      </c>
      <c r="K8" s="19">
        <v>2006</v>
      </c>
    </row>
    <row r="9" spans="1:11" ht="15" customHeight="1">
      <c r="A9" s="17" t="s">
        <v>15</v>
      </c>
      <c r="B9" s="17"/>
      <c r="C9" s="13">
        <v>1676</v>
      </c>
      <c r="D9" s="19">
        <v>859</v>
      </c>
      <c r="E9" s="19">
        <v>817</v>
      </c>
      <c r="F9" s="19"/>
      <c r="G9" s="18" t="s">
        <v>16</v>
      </c>
      <c r="H9" s="17"/>
      <c r="I9" s="13">
        <v>3947</v>
      </c>
      <c r="J9" s="19">
        <v>2080</v>
      </c>
      <c r="K9" s="19">
        <v>1867</v>
      </c>
    </row>
    <row r="10" spans="1:11" ht="15" customHeight="1">
      <c r="A10" s="17" t="s">
        <v>17</v>
      </c>
      <c r="B10" s="17"/>
      <c r="C10" s="13">
        <v>1769</v>
      </c>
      <c r="D10" s="19">
        <v>896</v>
      </c>
      <c r="E10" s="19">
        <v>873</v>
      </c>
      <c r="F10" s="19"/>
      <c r="G10" s="18" t="s">
        <v>18</v>
      </c>
      <c r="H10" s="17"/>
      <c r="I10" s="13">
        <v>4135</v>
      </c>
      <c r="J10" s="19">
        <v>2147</v>
      </c>
      <c r="K10" s="19">
        <v>1988</v>
      </c>
    </row>
    <row r="11" spans="1:11" ht="20.100000000000001" customHeight="1">
      <c r="A11" s="17" t="s">
        <v>19</v>
      </c>
      <c r="B11" s="17"/>
      <c r="C11" s="13">
        <v>9645</v>
      </c>
      <c r="D11" s="14">
        <v>4972</v>
      </c>
      <c r="E11" s="14">
        <v>4673</v>
      </c>
      <c r="F11" s="14"/>
      <c r="G11" s="18" t="s">
        <v>20</v>
      </c>
      <c r="H11" s="17"/>
      <c r="I11" s="13">
        <v>16447</v>
      </c>
      <c r="J11" s="14">
        <v>8493</v>
      </c>
      <c r="K11" s="14">
        <v>7954</v>
      </c>
    </row>
    <row r="12" spans="1:11" ht="15" customHeight="1">
      <c r="A12" s="17" t="s">
        <v>21</v>
      </c>
      <c r="B12" s="17"/>
      <c r="C12" s="13">
        <v>1858</v>
      </c>
      <c r="D12" s="19">
        <v>948</v>
      </c>
      <c r="E12" s="19">
        <v>910</v>
      </c>
      <c r="F12" s="19"/>
      <c r="G12" s="18" t="s">
        <v>22</v>
      </c>
      <c r="H12" s="17"/>
      <c r="I12" s="13">
        <v>2943</v>
      </c>
      <c r="J12" s="19">
        <v>1545</v>
      </c>
      <c r="K12" s="19">
        <v>1398</v>
      </c>
    </row>
    <row r="13" spans="1:11" ht="15" customHeight="1">
      <c r="A13" s="17" t="s">
        <v>23</v>
      </c>
      <c r="B13" s="17"/>
      <c r="C13" s="13">
        <v>1935</v>
      </c>
      <c r="D13" s="19">
        <v>984</v>
      </c>
      <c r="E13" s="19">
        <v>951</v>
      </c>
      <c r="F13" s="19"/>
      <c r="G13" s="18" t="s">
        <v>24</v>
      </c>
      <c r="H13" s="17"/>
      <c r="I13" s="13">
        <v>3708</v>
      </c>
      <c r="J13" s="19">
        <v>1929</v>
      </c>
      <c r="K13" s="19">
        <v>1779</v>
      </c>
    </row>
    <row r="14" spans="1:11" ht="15" customHeight="1">
      <c r="A14" s="17" t="s">
        <v>25</v>
      </c>
      <c r="B14" s="17"/>
      <c r="C14" s="13">
        <v>1927</v>
      </c>
      <c r="D14" s="19">
        <v>1021</v>
      </c>
      <c r="E14" s="19">
        <v>906</v>
      </c>
      <c r="F14" s="19"/>
      <c r="G14" s="18" t="s">
        <v>26</v>
      </c>
      <c r="H14" s="17"/>
      <c r="I14" s="13">
        <v>3387</v>
      </c>
      <c r="J14" s="19">
        <v>1753</v>
      </c>
      <c r="K14" s="19">
        <v>1634</v>
      </c>
    </row>
    <row r="15" spans="1:11" ht="15" customHeight="1">
      <c r="A15" s="17" t="s">
        <v>27</v>
      </c>
      <c r="B15" s="17"/>
      <c r="C15" s="13">
        <v>1983</v>
      </c>
      <c r="D15" s="19">
        <v>1004</v>
      </c>
      <c r="E15" s="19">
        <v>979</v>
      </c>
      <c r="F15" s="19"/>
      <c r="G15" s="18" t="s">
        <v>28</v>
      </c>
      <c r="H15" s="17"/>
      <c r="I15" s="13">
        <v>3201</v>
      </c>
      <c r="J15" s="19">
        <v>1634</v>
      </c>
      <c r="K15" s="19">
        <v>1567</v>
      </c>
    </row>
    <row r="16" spans="1:11" ht="15" customHeight="1">
      <c r="A16" s="17" t="s">
        <v>29</v>
      </c>
      <c r="B16" s="17"/>
      <c r="C16" s="13">
        <v>1942</v>
      </c>
      <c r="D16" s="19">
        <v>1015</v>
      </c>
      <c r="E16" s="19">
        <v>927</v>
      </c>
      <c r="F16" s="19"/>
      <c r="G16" s="18" t="s">
        <v>30</v>
      </c>
      <c r="H16" s="17"/>
      <c r="I16" s="13">
        <v>3208</v>
      </c>
      <c r="J16" s="19">
        <v>1632</v>
      </c>
      <c r="K16" s="19">
        <v>1576</v>
      </c>
    </row>
    <row r="17" spans="1:11" ht="20.100000000000001" customHeight="1">
      <c r="A17" s="20" t="s">
        <v>31</v>
      </c>
      <c r="B17" s="20"/>
      <c r="C17" s="13">
        <v>10703</v>
      </c>
      <c r="D17" s="14">
        <v>5460</v>
      </c>
      <c r="E17" s="14">
        <v>5243</v>
      </c>
      <c r="F17" s="14"/>
      <c r="G17" s="18" t="s">
        <v>32</v>
      </c>
      <c r="H17" s="17"/>
      <c r="I17" s="13">
        <v>14627</v>
      </c>
      <c r="J17" s="14">
        <v>7370</v>
      </c>
      <c r="K17" s="14">
        <v>7257</v>
      </c>
    </row>
    <row r="18" spans="1:11" ht="15" customHeight="1">
      <c r="A18" s="17" t="s">
        <v>33</v>
      </c>
      <c r="B18" s="17"/>
      <c r="C18" s="13">
        <v>2049</v>
      </c>
      <c r="D18" s="19">
        <v>1030</v>
      </c>
      <c r="E18" s="19">
        <v>1019</v>
      </c>
      <c r="F18" s="19"/>
      <c r="G18" s="18" t="s">
        <v>34</v>
      </c>
      <c r="H18" s="17"/>
      <c r="I18" s="13">
        <v>2970</v>
      </c>
      <c r="J18" s="19">
        <v>1502</v>
      </c>
      <c r="K18" s="19">
        <v>1468</v>
      </c>
    </row>
    <row r="19" spans="1:11" ht="15" customHeight="1">
      <c r="A19" s="17" t="s">
        <v>35</v>
      </c>
      <c r="B19" s="17"/>
      <c r="C19" s="13">
        <v>2080</v>
      </c>
      <c r="D19" s="19">
        <v>1058</v>
      </c>
      <c r="E19" s="19">
        <v>1022</v>
      </c>
      <c r="F19" s="19"/>
      <c r="G19" s="18" t="s">
        <v>36</v>
      </c>
      <c r="H19" s="17"/>
      <c r="I19" s="13">
        <v>2994</v>
      </c>
      <c r="J19" s="19">
        <v>1531</v>
      </c>
      <c r="K19" s="19">
        <v>1463</v>
      </c>
    </row>
    <row r="20" spans="1:11" ht="15" customHeight="1">
      <c r="A20" s="17" t="s">
        <v>37</v>
      </c>
      <c r="B20" s="17"/>
      <c r="C20" s="13">
        <v>2174</v>
      </c>
      <c r="D20" s="19">
        <v>1103</v>
      </c>
      <c r="E20" s="19">
        <v>1071</v>
      </c>
      <c r="F20" s="19"/>
      <c r="G20" s="18" t="s">
        <v>38</v>
      </c>
      <c r="H20" s="17"/>
      <c r="I20" s="13">
        <v>2910</v>
      </c>
      <c r="J20" s="19">
        <v>1472</v>
      </c>
      <c r="K20" s="19">
        <v>1438</v>
      </c>
    </row>
    <row r="21" spans="1:11" ht="15" customHeight="1">
      <c r="A21" s="17" t="s">
        <v>39</v>
      </c>
      <c r="B21" s="17"/>
      <c r="C21" s="13">
        <v>2219</v>
      </c>
      <c r="D21" s="19">
        <v>1121</v>
      </c>
      <c r="E21" s="19">
        <v>1098</v>
      </c>
      <c r="F21" s="19"/>
      <c r="G21" s="18" t="s">
        <v>40</v>
      </c>
      <c r="H21" s="17"/>
      <c r="I21" s="13">
        <v>2990</v>
      </c>
      <c r="J21" s="19">
        <v>1490</v>
      </c>
      <c r="K21" s="19">
        <v>1500</v>
      </c>
    </row>
    <row r="22" spans="1:11" ht="15" customHeight="1">
      <c r="A22" s="17" t="s">
        <v>41</v>
      </c>
      <c r="B22" s="17"/>
      <c r="C22" s="13">
        <v>2181</v>
      </c>
      <c r="D22" s="19">
        <v>1148</v>
      </c>
      <c r="E22" s="19">
        <v>1033</v>
      </c>
      <c r="F22" s="19"/>
      <c r="G22" s="18" t="s">
        <v>42</v>
      </c>
      <c r="H22" s="17"/>
      <c r="I22" s="13">
        <v>2763</v>
      </c>
      <c r="J22" s="19">
        <v>1375</v>
      </c>
      <c r="K22" s="19">
        <v>1388</v>
      </c>
    </row>
    <row r="23" spans="1:11" ht="20.100000000000001" customHeight="1">
      <c r="A23" s="17" t="s">
        <v>43</v>
      </c>
      <c r="B23" s="17"/>
      <c r="C23" s="13">
        <v>11798</v>
      </c>
      <c r="D23" s="14">
        <v>6001</v>
      </c>
      <c r="E23" s="14">
        <v>5797</v>
      </c>
      <c r="F23" s="14"/>
      <c r="G23" s="18" t="s">
        <v>44</v>
      </c>
      <c r="H23" s="17"/>
      <c r="I23" s="13">
        <v>15328</v>
      </c>
      <c r="J23" s="14">
        <v>7627</v>
      </c>
      <c r="K23" s="14">
        <v>7701</v>
      </c>
    </row>
    <row r="24" spans="1:11" ht="15" customHeight="1">
      <c r="A24" s="17" t="s">
        <v>45</v>
      </c>
      <c r="B24" s="17"/>
      <c r="C24" s="13">
        <v>2318</v>
      </c>
      <c r="D24" s="19">
        <v>1160</v>
      </c>
      <c r="E24" s="19">
        <v>1158</v>
      </c>
      <c r="F24" s="19"/>
      <c r="G24" s="18" t="s">
        <v>46</v>
      </c>
      <c r="H24" s="17"/>
      <c r="I24" s="13">
        <v>2843</v>
      </c>
      <c r="J24" s="19">
        <v>1473</v>
      </c>
      <c r="K24" s="19">
        <v>1370</v>
      </c>
    </row>
    <row r="25" spans="1:11" ht="15" customHeight="1">
      <c r="A25" s="17" t="s">
        <v>47</v>
      </c>
      <c r="B25" s="17"/>
      <c r="C25" s="13">
        <v>2234</v>
      </c>
      <c r="D25" s="19">
        <v>1154</v>
      </c>
      <c r="E25" s="19">
        <v>1080</v>
      </c>
      <c r="F25" s="19"/>
      <c r="G25" s="18" t="s">
        <v>48</v>
      </c>
      <c r="H25" s="17"/>
      <c r="I25" s="13">
        <v>3013</v>
      </c>
      <c r="J25" s="19">
        <v>1496</v>
      </c>
      <c r="K25" s="19">
        <v>1517</v>
      </c>
    </row>
    <row r="26" spans="1:11" ht="15" customHeight="1">
      <c r="A26" s="17" t="s">
        <v>49</v>
      </c>
      <c r="B26" s="17"/>
      <c r="C26" s="13">
        <v>2368</v>
      </c>
      <c r="D26" s="19">
        <v>1194</v>
      </c>
      <c r="E26" s="19">
        <v>1174</v>
      </c>
      <c r="F26" s="19"/>
      <c r="G26" s="18" t="s">
        <v>50</v>
      </c>
      <c r="H26" s="17"/>
      <c r="I26" s="13">
        <v>3064</v>
      </c>
      <c r="J26" s="19">
        <v>1545</v>
      </c>
      <c r="K26" s="19">
        <v>1519</v>
      </c>
    </row>
    <row r="27" spans="1:11" ht="15" customHeight="1">
      <c r="A27" s="17" t="s">
        <v>51</v>
      </c>
      <c r="B27" s="17"/>
      <c r="C27" s="13">
        <v>2506</v>
      </c>
      <c r="D27" s="19">
        <v>1311</v>
      </c>
      <c r="E27" s="19">
        <v>1195</v>
      </c>
      <c r="F27" s="19"/>
      <c r="G27" s="18" t="s">
        <v>52</v>
      </c>
      <c r="H27" s="17"/>
      <c r="I27" s="13">
        <v>3106</v>
      </c>
      <c r="J27" s="19">
        <v>1497</v>
      </c>
      <c r="K27" s="19">
        <v>1609</v>
      </c>
    </row>
    <row r="28" spans="1:11" ht="15" customHeight="1">
      <c r="A28" s="17" t="s">
        <v>53</v>
      </c>
      <c r="B28" s="17"/>
      <c r="C28" s="13">
        <v>2372</v>
      </c>
      <c r="D28" s="19">
        <v>1182</v>
      </c>
      <c r="E28" s="19">
        <v>1190</v>
      </c>
      <c r="F28" s="19"/>
      <c r="G28" s="18" t="s">
        <v>54</v>
      </c>
      <c r="H28" s="17"/>
      <c r="I28" s="13">
        <v>3302</v>
      </c>
      <c r="J28" s="19">
        <v>1616</v>
      </c>
      <c r="K28" s="19">
        <v>1686</v>
      </c>
    </row>
    <row r="29" spans="1:11" ht="20.100000000000001" customHeight="1">
      <c r="A29" s="17" t="s">
        <v>55</v>
      </c>
      <c r="B29" s="17"/>
      <c r="C29" s="13">
        <v>13553</v>
      </c>
      <c r="D29" s="14">
        <v>7230</v>
      </c>
      <c r="E29" s="14">
        <v>6323</v>
      </c>
      <c r="F29" s="14"/>
      <c r="G29" s="18" t="s">
        <v>56</v>
      </c>
      <c r="H29" s="17"/>
      <c r="I29" s="13">
        <v>19950</v>
      </c>
      <c r="J29" s="14">
        <v>9534</v>
      </c>
      <c r="K29" s="14">
        <v>10416</v>
      </c>
    </row>
    <row r="30" spans="1:11" ht="15" customHeight="1">
      <c r="A30" s="17" t="s">
        <v>57</v>
      </c>
      <c r="B30" s="17"/>
      <c r="C30" s="13">
        <v>2727</v>
      </c>
      <c r="D30" s="19">
        <v>1501</v>
      </c>
      <c r="E30" s="19">
        <v>1226</v>
      </c>
      <c r="F30" s="19"/>
      <c r="G30" s="18" t="s">
        <v>58</v>
      </c>
      <c r="H30" s="17"/>
      <c r="I30" s="13">
        <v>3538</v>
      </c>
      <c r="J30" s="19">
        <v>1647</v>
      </c>
      <c r="K30" s="19">
        <v>1891</v>
      </c>
    </row>
    <row r="31" spans="1:11" ht="15" customHeight="1">
      <c r="A31" s="17" t="s">
        <v>59</v>
      </c>
      <c r="B31" s="17"/>
      <c r="C31" s="13">
        <v>2767</v>
      </c>
      <c r="D31" s="19">
        <v>1458</v>
      </c>
      <c r="E31" s="19">
        <v>1309</v>
      </c>
      <c r="F31" s="19"/>
      <c r="G31" s="18" t="s">
        <v>60</v>
      </c>
      <c r="H31" s="17"/>
      <c r="I31" s="13">
        <v>3890</v>
      </c>
      <c r="J31" s="19">
        <v>1967</v>
      </c>
      <c r="K31" s="19">
        <v>1923</v>
      </c>
    </row>
    <row r="32" spans="1:11" ht="15" customHeight="1">
      <c r="A32" s="17" t="s">
        <v>61</v>
      </c>
      <c r="B32" s="17"/>
      <c r="C32" s="13">
        <v>2733</v>
      </c>
      <c r="D32" s="19">
        <v>1419</v>
      </c>
      <c r="E32" s="19">
        <v>1314</v>
      </c>
      <c r="F32" s="19"/>
      <c r="G32" s="18" t="s">
        <v>62</v>
      </c>
      <c r="H32" s="17"/>
      <c r="I32" s="13">
        <v>4368</v>
      </c>
      <c r="J32" s="19">
        <v>2015</v>
      </c>
      <c r="K32" s="19">
        <v>2353</v>
      </c>
    </row>
    <row r="33" spans="1:11" ht="15" customHeight="1">
      <c r="A33" s="17" t="s">
        <v>63</v>
      </c>
      <c r="B33" s="17"/>
      <c r="C33" s="13">
        <v>2783</v>
      </c>
      <c r="D33" s="19">
        <v>1563</v>
      </c>
      <c r="E33" s="19">
        <v>1220</v>
      </c>
      <c r="F33" s="19"/>
      <c r="G33" s="18" t="s">
        <v>64</v>
      </c>
      <c r="H33" s="17"/>
      <c r="I33" s="13">
        <v>4032</v>
      </c>
      <c r="J33" s="19">
        <v>1933</v>
      </c>
      <c r="K33" s="19">
        <v>2099</v>
      </c>
    </row>
    <row r="34" spans="1:11" ht="15" customHeight="1">
      <c r="A34" s="17" t="s">
        <v>65</v>
      </c>
      <c r="B34" s="17"/>
      <c r="C34" s="13">
        <v>2543</v>
      </c>
      <c r="D34" s="19">
        <v>1289</v>
      </c>
      <c r="E34" s="19">
        <v>1254</v>
      </c>
      <c r="F34" s="19"/>
      <c r="G34" s="18" t="s">
        <v>66</v>
      </c>
      <c r="H34" s="17"/>
      <c r="I34" s="13">
        <v>4122</v>
      </c>
      <c r="J34" s="19">
        <v>1972</v>
      </c>
      <c r="K34" s="19">
        <v>2150</v>
      </c>
    </row>
    <row r="35" spans="1:11" ht="20.100000000000001" customHeight="1">
      <c r="A35" s="17" t="s">
        <v>67</v>
      </c>
      <c r="B35" s="17"/>
      <c r="C35" s="13">
        <v>11486</v>
      </c>
      <c r="D35" s="14">
        <v>6101</v>
      </c>
      <c r="E35" s="14">
        <v>5385</v>
      </c>
      <c r="F35" s="14"/>
      <c r="G35" s="18" t="s">
        <v>68</v>
      </c>
      <c r="H35" s="17"/>
      <c r="I35" s="13">
        <v>14653</v>
      </c>
      <c r="J35" s="14">
        <v>6735</v>
      </c>
      <c r="K35" s="14">
        <v>7918</v>
      </c>
    </row>
    <row r="36" spans="1:11" ht="15" customHeight="1">
      <c r="A36" s="17" t="s">
        <v>69</v>
      </c>
      <c r="B36" s="17"/>
      <c r="C36" s="13">
        <v>2451</v>
      </c>
      <c r="D36" s="19">
        <v>1256</v>
      </c>
      <c r="E36" s="19">
        <v>1195</v>
      </c>
      <c r="F36" s="19"/>
      <c r="G36" s="18" t="s">
        <v>70</v>
      </c>
      <c r="H36" s="17"/>
      <c r="I36" s="13">
        <v>2904</v>
      </c>
      <c r="J36" s="19">
        <v>1357</v>
      </c>
      <c r="K36" s="19">
        <v>1547</v>
      </c>
    </row>
    <row r="37" spans="1:11" ht="15" customHeight="1">
      <c r="A37" s="17" t="s">
        <v>71</v>
      </c>
      <c r="B37" s="17"/>
      <c r="C37" s="13">
        <v>2259</v>
      </c>
      <c r="D37" s="19">
        <v>1209</v>
      </c>
      <c r="E37" s="19">
        <v>1050</v>
      </c>
      <c r="F37" s="19"/>
      <c r="G37" s="18" t="s">
        <v>72</v>
      </c>
      <c r="H37" s="17"/>
      <c r="I37" s="13">
        <v>2397</v>
      </c>
      <c r="J37" s="19">
        <v>1123</v>
      </c>
      <c r="K37" s="19">
        <v>1274</v>
      </c>
    </row>
    <row r="38" spans="1:11" ht="15" customHeight="1">
      <c r="A38" s="17" t="s">
        <v>73</v>
      </c>
      <c r="B38" s="17"/>
      <c r="C38" s="13">
        <v>2352</v>
      </c>
      <c r="D38" s="19">
        <v>1277</v>
      </c>
      <c r="E38" s="19">
        <v>1075</v>
      </c>
      <c r="F38" s="19"/>
      <c r="G38" s="18" t="s">
        <v>74</v>
      </c>
      <c r="H38" s="17"/>
      <c r="I38" s="13">
        <v>3126</v>
      </c>
      <c r="J38" s="19">
        <v>1454</v>
      </c>
      <c r="K38" s="19">
        <v>1672</v>
      </c>
    </row>
    <row r="39" spans="1:11" ht="15" customHeight="1">
      <c r="A39" s="17" t="s">
        <v>75</v>
      </c>
      <c r="B39" s="17"/>
      <c r="C39" s="13">
        <v>2235</v>
      </c>
      <c r="D39" s="19">
        <v>1216</v>
      </c>
      <c r="E39" s="19">
        <v>1019</v>
      </c>
      <c r="F39" s="19"/>
      <c r="G39" s="18" t="s">
        <v>76</v>
      </c>
      <c r="H39" s="17"/>
      <c r="I39" s="13">
        <v>3198</v>
      </c>
      <c r="J39" s="19">
        <v>1470</v>
      </c>
      <c r="K39" s="19">
        <v>1728</v>
      </c>
    </row>
    <row r="40" spans="1:11" ht="15" customHeight="1">
      <c r="A40" s="17" t="s">
        <v>77</v>
      </c>
      <c r="B40" s="17"/>
      <c r="C40" s="13">
        <v>2189</v>
      </c>
      <c r="D40" s="19">
        <v>1143</v>
      </c>
      <c r="E40" s="19">
        <v>1046</v>
      </c>
      <c r="F40" s="19"/>
      <c r="G40" s="18" t="s">
        <v>78</v>
      </c>
      <c r="H40" s="17"/>
      <c r="I40" s="13">
        <v>3028</v>
      </c>
      <c r="J40" s="19">
        <v>1331</v>
      </c>
      <c r="K40" s="19">
        <v>1697</v>
      </c>
    </row>
    <row r="41" spans="1:11" ht="20.100000000000001" customHeight="1">
      <c r="A41" s="17" t="s">
        <v>79</v>
      </c>
      <c r="B41" s="17"/>
      <c r="C41" s="13">
        <v>11679</v>
      </c>
      <c r="D41" s="14">
        <v>6064</v>
      </c>
      <c r="E41" s="14">
        <v>5615</v>
      </c>
      <c r="F41" s="14"/>
      <c r="G41" s="18" t="s">
        <v>80</v>
      </c>
      <c r="H41" s="17"/>
      <c r="I41" s="13">
        <v>11525</v>
      </c>
      <c r="J41" s="14">
        <v>5007</v>
      </c>
      <c r="K41" s="14">
        <v>6518</v>
      </c>
    </row>
    <row r="42" spans="1:11" ht="15" customHeight="1">
      <c r="A42" s="17" t="s">
        <v>81</v>
      </c>
      <c r="B42" s="17"/>
      <c r="C42" s="13">
        <v>2293</v>
      </c>
      <c r="D42" s="19">
        <v>1219</v>
      </c>
      <c r="E42" s="19">
        <v>1074</v>
      </c>
      <c r="F42" s="19"/>
      <c r="G42" s="18" t="s">
        <v>82</v>
      </c>
      <c r="H42" s="17"/>
      <c r="I42" s="13">
        <v>2935</v>
      </c>
      <c r="J42" s="19">
        <v>1293</v>
      </c>
      <c r="K42" s="19">
        <v>1642</v>
      </c>
    </row>
    <row r="43" spans="1:11" ht="15" customHeight="1">
      <c r="A43" s="17" t="s">
        <v>83</v>
      </c>
      <c r="B43" s="17"/>
      <c r="C43" s="13">
        <v>2243</v>
      </c>
      <c r="D43" s="19">
        <v>1124</v>
      </c>
      <c r="E43" s="19">
        <v>1119</v>
      </c>
      <c r="F43" s="19"/>
      <c r="G43" s="18" t="s">
        <v>84</v>
      </c>
      <c r="H43" s="17"/>
      <c r="I43" s="13">
        <v>2600</v>
      </c>
      <c r="J43" s="19">
        <v>1117</v>
      </c>
      <c r="K43" s="19">
        <v>1483</v>
      </c>
    </row>
    <row r="44" spans="1:11" ht="15" customHeight="1">
      <c r="A44" s="17" t="s">
        <v>85</v>
      </c>
      <c r="B44" s="17"/>
      <c r="C44" s="13">
        <v>2281</v>
      </c>
      <c r="D44" s="19">
        <v>1197</v>
      </c>
      <c r="E44" s="19">
        <v>1084</v>
      </c>
      <c r="F44" s="19"/>
      <c r="G44" s="18" t="s">
        <v>86</v>
      </c>
      <c r="H44" s="17"/>
      <c r="I44" s="13">
        <v>2109</v>
      </c>
      <c r="J44" s="19">
        <v>947</v>
      </c>
      <c r="K44" s="19">
        <v>1162</v>
      </c>
    </row>
    <row r="45" spans="1:11" ht="15" customHeight="1">
      <c r="A45" s="17" t="s">
        <v>87</v>
      </c>
      <c r="B45" s="17"/>
      <c r="C45" s="13">
        <v>2343</v>
      </c>
      <c r="D45" s="19">
        <v>1208</v>
      </c>
      <c r="E45" s="19">
        <v>1135</v>
      </c>
      <c r="F45" s="19"/>
      <c r="G45" s="18" t="s">
        <v>88</v>
      </c>
      <c r="H45" s="17"/>
      <c r="I45" s="13">
        <v>1768</v>
      </c>
      <c r="J45" s="19">
        <v>742</v>
      </c>
      <c r="K45" s="19">
        <v>1026</v>
      </c>
    </row>
    <row r="46" spans="1:11" ht="15" customHeight="1">
      <c r="A46" s="17" t="s">
        <v>89</v>
      </c>
      <c r="B46" s="17"/>
      <c r="C46" s="13">
        <v>2519</v>
      </c>
      <c r="D46" s="19">
        <v>1316</v>
      </c>
      <c r="E46" s="19">
        <v>1203</v>
      </c>
      <c r="F46" s="19"/>
      <c r="G46" s="18" t="s">
        <v>90</v>
      </c>
      <c r="H46" s="17"/>
      <c r="I46" s="13">
        <v>2113</v>
      </c>
      <c r="J46" s="19">
        <v>908</v>
      </c>
      <c r="K46" s="19">
        <v>1205</v>
      </c>
    </row>
    <row r="47" spans="1:11" ht="20.100000000000001" customHeight="1">
      <c r="A47" s="17" t="s">
        <v>91</v>
      </c>
      <c r="B47" s="17"/>
      <c r="C47" s="13">
        <v>13905</v>
      </c>
      <c r="D47" s="14">
        <v>7252</v>
      </c>
      <c r="E47" s="14">
        <v>6653</v>
      </c>
      <c r="F47" s="14"/>
      <c r="G47" s="18" t="s">
        <v>92</v>
      </c>
      <c r="H47" s="17"/>
      <c r="I47" s="13">
        <v>7081</v>
      </c>
      <c r="J47" s="14">
        <v>2668</v>
      </c>
      <c r="K47" s="14">
        <v>4413</v>
      </c>
    </row>
    <row r="48" spans="1:11" ht="15" customHeight="1">
      <c r="A48" s="17" t="s">
        <v>93</v>
      </c>
      <c r="B48" s="17"/>
      <c r="C48" s="13">
        <v>2603</v>
      </c>
      <c r="D48" s="19">
        <v>1391</v>
      </c>
      <c r="E48" s="19">
        <v>1212</v>
      </c>
      <c r="F48" s="19"/>
      <c r="G48" s="18" t="s">
        <v>94</v>
      </c>
      <c r="H48" s="17"/>
      <c r="I48" s="13">
        <v>1749</v>
      </c>
      <c r="J48" s="19">
        <v>719</v>
      </c>
      <c r="K48" s="19">
        <v>1030</v>
      </c>
    </row>
    <row r="49" spans="1:11" ht="15" customHeight="1">
      <c r="A49" s="17" t="s">
        <v>95</v>
      </c>
      <c r="B49" s="17"/>
      <c r="C49" s="13">
        <v>2747</v>
      </c>
      <c r="D49" s="19">
        <v>1433</v>
      </c>
      <c r="E49" s="19">
        <v>1314</v>
      </c>
      <c r="F49" s="19"/>
      <c r="G49" s="18" t="s">
        <v>96</v>
      </c>
      <c r="H49" s="17"/>
      <c r="I49" s="13">
        <v>1680</v>
      </c>
      <c r="J49" s="19">
        <v>651</v>
      </c>
      <c r="K49" s="19">
        <v>1029</v>
      </c>
    </row>
    <row r="50" spans="1:11" ht="15" customHeight="1">
      <c r="A50" s="17" t="s">
        <v>97</v>
      </c>
      <c r="B50" s="17"/>
      <c r="C50" s="13">
        <v>2760</v>
      </c>
      <c r="D50" s="19">
        <v>1399</v>
      </c>
      <c r="E50" s="19">
        <v>1361</v>
      </c>
      <c r="F50" s="19"/>
      <c r="G50" s="18" t="s">
        <v>98</v>
      </c>
      <c r="H50" s="17"/>
      <c r="I50" s="13">
        <v>1380</v>
      </c>
      <c r="J50" s="19">
        <v>493</v>
      </c>
      <c r="K50" s="19">
        <v>887</v>
      </c>
    </row>
    <row r="51" spans="1:11" ht="15" customHeight="1">
      <c r="A51" s="17" t="s">
        <v>99</v>
      </c>
      <c r="B51" s="17"/>
      <c r="C51" s="13">
        <v>2889</v>
      </c>
      <c r="D51" s="19">
        <v>1505</v>
      </c>
      <c r="E51" s="19">
        <v>1384</v>
      </c>
      <c r="F51" s="19"/>
      <c r="G51" s="18" t="s">
        <v>100</v>
      </c>
      <c r="H51" s="17"/>
      <c r="I51" s="13">
        <v>1165</v>
      </c>
      <c r="J51" s="19">
        <v>424</v>
      </c>
      <c r="K51" s="19">
        <v>741</v>
      </c>
    </row>
    <row r="52" spans="1:11" ht="15" customHeight="1">
      <c r="A52" s="17" t="s">
        <v>101</v>
      </c>
      <c r="B52" s="17"/>
      <c r="C52" s="13">
        <v>2906</v>
      </c>
      <c r="D52" s="19">
        <v>1524</v>
      </c>
      <c r="E52" s="19">
        <v>1382</v>
      </c>
      <c r="F52" s="19"/>
      <c r="G52" s="18" t="s">
        <v>102</v>
      </c>
      <c r="H52" s="17"/>
      <c r="I52" s="13">
        <v>1107</v>
      </c>
      <c r="J52" s="19">
        <v>381</v>
      </c>
      <c r="K52" s="19">
        <v>726</v>
      </c>
    </row>
    <row r="53" spans="1:11" ht="20.100000000000001" customHeight="1">
      <c r="A53" s="17" t="s">
        <v>103</v>
      </c>
      <c r="B53" s="17"/>
      <c r="C53" s="13">
        <v>16331</v>
      </c>
      <c r="D53" s="14">
        <v>8393</v>
      </c>
      <c r="E53" s="14">
        <v>7938</v>
      </c>
      <c r="F53" s="14"/>
      <c r="G53" s="18" t="s">
        <v>104</v>
      </c>
      <c r="H53" s="17"/>
      <c r="I53" s="13">
        <v>3448</v>
      </c>
      <c r="J53" s="14">
        <v>1017</v>
      </c>
      <c r="K53" s="14">
        <v>2431</v>
      </c>
    </row>
    <row r="54" spans="1:11" ht="15" customHeight="1">
      <c r="A54" s="17" t="s">
        <v>105</v>
      </c>
      <c r="B54" s="17"/>
      <c r="C54" s="13">
        <v>2991</v>
      </c>
      <c r="D54" s="19">
        <v>1494</v>
      </c>
      <c r="E54" s="19">
        <v>1497</v>
      </c>
      <c r="F54" s="19"/>
      <c r="G54" s="18" t="s">
        <v>106</v>
      </c>
      <c r="H54" s="17"/>
      <c r="I54" s="13">
        <v>967</v>
      </c>
      <c r="J54" s="19">
        <v>303</v>
      </c>
      <c r="K54" s="19">
        <v>664</v>
      </c>
    </row>
    <row r="55" spans="1:11" ht="15" customHeight="1">
      <c r="A55" s="17" t="s">
        <v>107</v>
      </c>
      <c r="B55" s="17"/>
      <c r="C55" s="13">
        <v>3144</v>
      </c>
      <c r="D55" s="19">
        <v>1634</v>
      </c>
      <c r="E55" s="19">
        <v>1510</v>
      </c>
      <c r="F55" s="19"/>
      <c r="G55" s="18" t="s">
        <v>108</v>
      </c>
      <c r="H55" s="17"/>
      <c r="I55" s="13">
        <v>810</v>
      </c>
      <c r="J55" s="19">
        <v>221</v>
      </c>
      <c r="K55" s="19">
        <v>589</v>
      </c>
    </row>
    <row r="56" spans="1:11" ht="15" customHeight="1">
      <c r="A56" s="17" t="s">
        <v>109</v>
      </c>
      <c r="B56" s="17"/>
      <c r="C56" s="13">
        <v>3297</v>
      </c>
      <c r="D56" s="19">
        <v>1693</v>
      </c>
      <c r="E56" s="19">
        <v>1604</v>
      </c>
      <c r="F56" s="19"/>
      <c r="G56" s="18" t="s">
        <v>110</v>
      </c>
      <c r="H56" s="17"/>
      <c r="I56" s="13">
        <v>672</v>
      </c>
      <c r="J56" s="19">
        <v>211</v>
      </c>
      <c r="K56" s="19">
        <v>461</v>
      </c>
    </row>
    <row r="57" spans="1:11" ht="15" customHeight="1">
      <c r="A57" s="17" t="s">
        <v>111</v>
      </c>
      <c r="B57" s="17"/>
      <c r="C57" s="13">
        <v>3399</v>
      </c>
      <c r="D57" s="19">
        <v>1727</v>
      </c>
      <c r="E57" s="19">
        <v>1672</v>
      </c>
      <c r="F57" s="19"/>
      <c r="G57" s="18" t="s">
        <v>112</v>
      </c>
      <c r="H57" s="17"/>
      <c r="I57" s="13">
        <v>584</v>
      </c>
      <c r="J57" s="19">
        <v>162</v>
      </c>
      <c r="K57" s="19">
        <v>422</v>
      </c>
    </row>
    <row r="58" spans="1:11" ht="15" customHeight="1">
      <c r="A58" s="17" t="s">
        <v>113</v>
      </c>
      <c r="B58" s="17"/>
      <c r="C58" s="13">
        <v>3500</v>
      </c>
      <c r="D58" s="19">
        <v>1845</v>
      </c>
      <c r="E58" s="19">
        <v>1655</v>
      </c>
      <c r="F58" s="19"/>
      <c r="G58" s="18" t="s">
        <v>114</v>
      </c>
      <c r="H58" s="17"/>
      <c r="I58" s="13">
        <v>415</v>
      </c>
      <c r="J58" s="19">
        <v>120</v>
      </c>
      <c r="K58" s="19">
        <v>295</v>
      </c>
    </row>
    <row r="59" spans="1:11" ht="20.100000000000001" customHeight="1">
      <c r="A59" s="17" t="s">
        <v>115</v>
      </c>
      <c r="B59" s="17"/>
      <c r="C59" s="13">
        <v>20083</v>
      </c>
      <c r="D59" s="14">
        <v>10248</v>
      </c>
      <c r="E59" s="14">
        <v>9835</v>
      </c>
      <c r="F59" s="14"/>
      <c r="G59" s="18" t="s">
        <v>116</v>
      </c>
      <c r="H59" s="17"/>
      <c r="I59" s="13">
        <v>1019</v>
      </c>
      <c r="J59" s="14">
        <v>223</v>
      </c>
      <c r="K59" s="14">
        <v>796</v>
      </c>
    </row>
    <row r="60" spans="1:11" ht="15" customHeight="1">
      <c r="A60" s="17" t="s">
        <v>117</v>
      </c>
      <c r="B60" s="17"/>
      <c r="C60" s="13">
        <v>3635</v>
      </c>
      <c r="D60" s="19">
        <v>1889</v>
      </c>
      <c r="E60" s="19">
        <v>1746</v>
      </c>
      <c r="F60" s="19"/>
      <c r="G60" s="18" t="s">
        <v>118</v>
      </c>
      <c r="H60" s="17"/>
      <c r="I60" s="13">
        <v>322</v>
      </c>
      <c r="J60" s="19">
        <v>92</v>
      </c>
      <c r="K60" s="19">
        <v>230</v>
      </c>
    </row>
    <row r="61" spans="1:11" ht="15" customHeight="1">
      <c r="A61" s="17" t="s">
        <v>119</v>
      </c>
      <c r="B61" s="17"/>
      <c r="C61" s="13">
        <v>3826</v>
      </c>
      <c r="D61" s="19">
        <v>1916</v>
      </c>
      <c r="E61" s="19">
        <v>1910</v>
      </c>
      <c r="F61" s="19"/>
      <c r="G61" s="18" t="s">
        <v>120</v>
      </c>
      <c r="H61" s="17"/>
      <c r="I61" s="13">
        <v>273</v>
      </c>
      <c r="J61" s="19">
        <v>56</v>
      </c>
      <c r="K61" s="19">
        <v>217</v>
      </c>
    </row>
    <row r="62" spans="1:11" ht="15" customHeight="1">
      <c r="A62" s="17" t="s">
        <v>121</v>
      </c>
      <c r="B62" s="17"/>
      <c r="C62" s="13">
        <v>4146</v>
      </c>
      <c r="D62" s="19">
        <v>2114</v>
      </c>
      <c r="E62" s="19">
        <v>2032</v>
      </c>
      <c r="F62" s="19"/>
      <c r="G62" s="18" t="s">
        <v>122</v>
      </c>
      <c r="H62" s="17"/>
      <c r="I62" s="13">
        <v>192</v>
      </c>
      <c r="J62" s="19">
        <v>36</v>
      </c>
      <c r="K62" s="19">
        <v>156</v>
      </c>
    </row>
    <row r="63" spans="1:11" ht="15" customHeight="1">
      <c r="A63" s="17" t="s">
        <v>123</v>
      </c>
      <c r="B63" s="17"/>
      <c r="C63" s="13">
        <v>4248</v>
      </c>
      <c r="D63" s="19">
        <v>2186</v>
      </c>
      <c r="E63" s="19">
        <v>2062</v>
      </c>
      <c r="F63" s="19"/>
      <c r="G63" s="18" t="s">
        <v>124</v>
      </c>
      <c r="H63" s="17"/>
      <c r="I63" s="13">
        <v>130</v>
      </c>
      <c r="J63" s="19">
        <v>17</v>
      </c>
      <c r="K63" s="19">
        <v>113</v>
      </c>
    </row>
    <row r="64" spans="1:11" ht="15" customHeight="1">
      <c r="A64" s="17" t="s">
        <v>125</v>
      </c>
      <c r="B64" s="17"/>
      <c r="C64" s="13">
        <v>4228</v>
      </c>
      <c r="D64" s="19">
        <v>2143</v>
      </c>
      <c r="E64" s="19">
        <v>2085</v>
      </c>
      <c r="F64" s="19"/>
      <c r="G64" s="18" t="s">
        <v>126</v>
      </c>
      <c r="H64" s="17"/>
      <c r="I64" s="13">
        <v>102</v>
      </c>
      <c r="J64" s="19">
        <v>22</v>
      </c>
      <c r="K64" s="19">
        <v>80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84</v>
      </c>
      <c r="J65" s="19">
        <v>20</v>
      </c>
      <c r="K65" s="19">
        <v>164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5486</v>
      </c>
      <c r="J66" s="27">
        <v>3322</v>
      </c>
      <c r="K66" s="27">
        <v>2164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67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441708</v>
      </c>
      <c r="D4" s="14">
        <v>218078</v>
      </c>
      <c r="E4" s="14">
        <v>22363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7071</v>
      </c>
      <c r="D5" s="14">
        <v>8756</v>
      </c>
      <c r="E5" s="14">
        <v>8315</v>
      </c>
      <c r="F5" s="14"/>
      <c r="G5" s="18" t="s">
        <v>8</v>
      </c>
      <c r="H5" s="17"/>
      <c r="I5" s="13">
        <v>36729</v>
      </c>
      <c r="J5" s="14">
        <v>18687</v>
      </c>
      <c r="K5" s="14">
        <v>18042</v>
      </c>
    </row>
    <row r="6" spans="1:11" ht="15" customHeight="1">
      <c r="A6" s="17" t="s">
        <v>9</v>
      </c>
      <c r="B6" s="17"/>
      <c r="C6" s="13">
        <v>3183</v>
      </c>
      <c r="D6" s="19">
        <v>1654</v>
      </c>
      <c r="E6" s="19">
        <v>1529</v>
      </c>
      <c r="F6" s="19"/>
      <c r="G6" s="18" t="s">
        <v>10</v>
      </c>
      <c r="H6" s="17"/>
      <c r="I6" s="13">
        <v>7690</v>
      </c>
      <c r="J6" s="19">
        <v>3846</v>
      </c>
      <c r="K6" s="19">
        <v>3844</v>
      </c>
    </row>
    <row r="7" spans="1:11" ht="15" customHeight="1">
      <c r="A7" s="17" t="s">
        <v>11</v>
      </c>
      <c r="B7" s="17"/>
      <c r="C7" s="13">
        <v>3333</v>
      </c>
      <c r="D7" s="19">
        <v>1732</v>
      </c>
      <c r="E7" s="19">
        <v>1601</v>
      </c>
      <c r="F7" s="19"/>
      <c r="G7" s="18" t="s">
        <v>12</v>
      </c>
      <c r="H7" s="17"/>
      <c r="I7" s="13">
        <v>7405</v>
      </c>
      <c r="J7" s="19">
        <v>3717</v>
      </c>
      <c r="K7" s="19">
        <v>3688</v>
      </c>
    </row>
    <row r="8" spans="1:11" ht="15" customHeight="1">
      <c r="A8" s="17" t="s">
        <v>13</v>
      </c>
      <c r="B8" s="17"/>
      <c r="C8" s="13">
        <v>3402</v>
      </c>
      <c r="D8" s="19">
        <v>1734</v>
      </c>
      <c r="E8" s="19">
        <v>1668</v>
      </c>
      <c r="F8" s="19"/>
      <c r="G8" s="18" t="s">
        <v>14</v>
      </c>
      <c r="H8" s="17"/>
      <c r="I8" s="13">
        <v>7124</v>
      </c>
      <c r="J8" s="19">
        <v>3675</v>
      </c>
      <c r="K8" s="19">
        <v>3449</v>
      </c>
    </row>
    <row r="9" spans="1:11" ht="15" customHeight="1">
      <c r="A9" s="17" t="s">
        <v>15</v>
      </c>
      <c r="B9" s="17"/>
      <c r="C9" s="13">
        <v>3595</v>
      </c>
      <c r="D9" s="19">
        <v>1831</v>
      </c>
      <c r="E9" s="19">
        <v>1764</v>
      </c>
      <c r="F9" s="19"/>
      <c r="G9" s="18" t="s">
        <v>16</v>
      </c>
      <c r="H9" s="17"/>
      <c r="I9" s="13">
        <v>7182</v>
      </c>
      <c r="J9" s="19">
        <v>3598</v>
      </c>
      <c r="K9" s="19">
        <v>3584</v>
      </c>
    </row>
    <row r="10" spans="1:11" ht="15" customHeight="1">
      <c r="A10" s="17" t="s">
        <v>17</v>
      </c>
      <c r="B10" s="17"/>
      <c r="C10" s="13">
        <v>3558</v>
      </c>
      <c r="D10" s="19">
        <v>1805</v>
      </c>
      <c r="E10" s="19">
        <v>1753</v>
      </c>
      <c r="F10" s="19"/>
      <c r="G10" s="18" t="s">
        <v>18</v>
      </c>
      <c r="H10" s="17"/>
      <c r="I10" s="13">
        <v>7328</v>
      </c>
      <c r="J10" s="19">
        <v>3851</v>
      </c>
      <c r="K10" s="19">
        <v>3477</v>
      </c>
    </row>
    <row r="11" spans="1:11" ht="20.100000000000001" customHeight="1">
      <c r="A11" s="17" t="s">
        <v>19</v>
      </c>
      <c r="B11" s="17"/>
      <c r="C11" s="13">
        <v>19465</v>
      </c>
      <c r="D11" s="14">
        <v>9986</v>
      </c>
      <c r="E11" s="14">
        <v>9479</v>
      </c>
      <c r="F11" s="14"/>
      <c r="G11" s="18" t="s">
        <v>20</v>
      </c>
      <c r="H11" s="17"/>
      <c r="I11" s="13">
        <v>28700</v>
      </c>
      <c r="J11" s="14">
        <v>14837</v>
      </c>
      <c r="K11" s="14">
        <v>13863</v>
      </c>
    </row>
    <row r="12" spans="1:11" ht="15" customHeight="1">
      <c r="A12" s="17" t="s">
        <v>21</v>
      </c>
      <c r="B12" s="17"/>
      <c r="C12" s="13">
        <v>3880</v>
      </c>
      <c r="D12" s="19">
        <v>2008</v>
      </c>
      <c r="E12" s="19">
        <v>1872</v>
      </c>
      <c r="F12" s="19"/>
      <c r="G12" s="18" t="s">
        <v>22</v>
      </c>
      <c r="H12" s="17"/>
      <c r="I12" s="13">
        <v>5120</v>
      </c>
      <c r="J12" s="19">
        <v>2658</v>
      </c>
      <c r="K12" s="19">
        <v>2462</v>
      </c>
    </row>
    <row r="13" spans="1:11" ht="15" customHeight="1">
      <c r="A13" s="17" t="s">
        <v>23</v>
      </c>
      <c r="B13" s="17"/>
      <c r="C13" s="13">
        <v>3856</v>
      </c>
      <c r="D13" s="19">
        <v>1964</v>
      </c>
      <c r="E13" s="19">
        <v>1892</v>
      </c>
      <c r="F13" s="19"/>
      <c r="G13" s="18" t="s">
        <v>24</v>
      </c>
      <c r="H13" s="17"/>
      <c r="I13" s="13">
        <v>6574</v>
      </c>
      <c r="J13" s="19">
        <v>3367</v>
      </c>
      <c r="K13" s="19">
        <v>3207</v>
      </c>
    </row>
    <row r="14" spans="1:11" ht="15" customHeight="1">
      <c r="A14" s="17" t="s">
        <v>25</v>
      </c>
      <c r="B14" s="17"/>
      <c r="C14" s="13">
        <v>3858</v>
      </c>
      <c r="D14" s="19">
        <v>2001</v>
      </c>
      <c r="E14" s="19">
        <v>1857</v>
      </c>
      <c r="F14" s="19"/>
      <c r="G14" s="18" t="s">
        <v>26</v>
      </c>
      <c r="H14" s="17"/>
      <c r="I14" s="13">
        <v>6026</v>
      </c>
      <c r="J14" s="19">
        <v>3102</v>
      </c>
      <c r="K14" s="19">
        <v>2924</v>
      </c>
    </row>
    <row r="15" spans="1:11" ht="15" customHeight="1">
      <c r="A15" s="17" t="s">
        <v>27</v>
      </c>
      <c r="B15" s="17"/>
      <c r="C15" s="13">
        <v>3926</v>
      </c>
      <c r="D15" s="19">
        <v>2020</v>
      </c>
      <c r="E15" s="19">
        <v>1906</v>
      </c>
      <c r="F15" s="19"/>
      <c r="G15" s="18" t="s">
        <v>28</v>
      </c>
      <c r="H15" s="17"/>
      <c r="I15" s="13">
        <v>5784</v>
      </c>
      <c r="J15" s="19">
        <v>2993</v>
      </c>
      <c r="K15" s="19">
        <v>2791</v>
      </c>
    </row>
    <row r="16" spans="1:11" ht="15" customHeight="1">
      <c r="A16" s="17" t="s">
        <v>29</v>
      </c>
      <c r="B16" s="17"/>
      <c r="C16" s="13">
        <v>3945</v>
      </c>
      <c r="D16" s="19">
        <v>1993</v>
      </c>
      <c r="E16" s="19">
        <v>1952</v>
      </c>
      <c r="F16" s="19"/>
      <c r="G16" s="18" t="s">
        <v>30</v>
      </c>
      <c r="H16" s="17"/>
      <c r="I16" s="13">
        <v>5196</v>
      </c>
      <c r="J16" s="19">
        <v>2717</v>
      </c>
      <c r="K16" s="19">
        <v>2479</v>
      </c>
    </row>
    <row r="17" spans="1:11" ht="20.100000000000001" customHeight="1">
      <c r="A17" s="20" t="s">
        <v>31</v>
      </c>
      <c r="B17" s="20"/>
      <c r="C17" s="13">
        <v>20206</v>
      </c>
      <c r="D17" s="14">
        <v>10369</v>
      </c>
      <c r="E17" s="14">
        <v>9837</v>
      </c>
      <c r="F17" s="14"/>
      <c r="G17" s="18" t="s">
        <v>32</v>
      </c>
      <c r="H17" s="17"/>
      <c r="I17" s="13">
        <v>22786</v>
      </c>
      <c r="J17" s="14">
        <v>11497</v>
      </c>
      <c r="K17" s="14">
        <v>11289</v>
      </c>
    </row>
    <row r="18" spans="1:11" ht="15" customHeight="1">
      <c r="A18" s="17" t="s">
        <v>33</v>
      </c>
      <c r="B18" s="17"/>
      <c r="C18" s="13">
        <v>3983</v>
      </c>
      <c r="D18" s="19">
        <v>2060</v>
      </c>
      <c r="E18" s="19">
        <v>1923</v>
      </c>
      <c r="F18" s="19"/>
      <c r="G18" s="18" t="s">
        <v>34</v>
      </c>
      <c r="H18" s="17"/>
      <c r="I18" s="13">
        <v>4914</v>
      </c>
      <c r="J18" s="19">
        <v>2466</v>
      </c>
      <c r="K18" s="19">
        <v>2448</v>
      </c>
    </row>
    <row r="19" spans="1:11" ht="15" customHeight="1">
      <c r="A19" s="17" t="s">
        <v>35</v>
      </c>
      <c r="B19" s="17"/>
      <c r="C19" s="13">
        <v>3971</v>
      </c>
      <c r="D19" s="19">
        <v>2025</v>
      </c>
      <c r="E19" s="19">
        <v>1946</v>
      </c>
      <c r="F19" s="19"/>
      <c r="G19" s="18" t="s">
        <v>36</v>
      </c>
      <c r="H19" s="17"/>
      <c r="I19" s="13">
        <v>4800</v>
      </c>
      <c r="J19" s="19">
        <v>2439</v>
      </c>
      <c r="K19" s="19">
        <v>2361</v>
      </c>
    </row>
    <row r="20" spans="1:11" ht="15" customHeight="1">
      <c r="A20" s="17" t="s">
        <v>37</v>
      </c>
      <c r="B20" s="17"/>
      <c r="C20" s="13">
        <v>4104</v>
      </c>
      <c r="D20" s="19">
        <v>2105</v>
      </c>
      <c r="E20" s="19">
        <v>1999</v>
      </c>
      <c r="F20" s="19"/>
      <c r="G20" s="18" t="s">
        <v>38</v>
      </c>
      <c r="H20" s="17"/>
      <c r="I20" s="13">
        <v>4522</v>
      </c>
      <c r="J20" s="19">
        <v>2322</v>
      </c>
      <c r="K20" s="19">
        <v>2200</v>
      </c>
    </row>
    <row r="21" spans="1:11" ht="15" customHeight="1">
      <c r="A21" s="17" t="s">
        <v>39</v>
      </c>
      <c r="B21" s="17"/>
      <c r="C21" s="13">
        <v>4103</v>
      </c>
      <c r="D21" s="19">
        <v>2083</v>
      </c>
      <c r="E21" s="19">
        <v>2020</v>
      </c>
      <c r="F21" s="19"/>
      <c r="G21" s="18" t="s">
        <v>40</v>
      </c>
      <c r="H21" s="17"/>
      <c r="I21" s="13">
        <v>4477</v>
      </c>
      <c r="J21" s="19">
        <v>2274</v>
      </c>
      <c r="K21" s="19">
        <v>2203</v>
      </c>
    </row>
    <row r="22" spans="1:11" ht="15" customHeight="1">
      <c r="A22" s="17" t="s">
        <v>41</v>
      </c>
      <c r="B22" s="17"/>
      <c r="C22" s="13">
        <v>4045</v>
      </c>
      <c r="D22" s="19">
        <v>2096</v>
      </c>
      <c r="E22" s="19">
        <v>1949</v>
      </c>
      <c r="F22" s="19"/>
      <c r="G22" s="18" t="s">
        <v>42</v>
      </c>
      <c r="H22" s="17"/>
      <c r="I22" s="13">
        <v>4073</v>
      </c>
      <c r="J22" s="19">
        <v>1996</v>
      </c>
      <c r="K22" s="19">
        <v>2077</v>
      </c>
    </row>
    <row r="23" spans="1:11" ht="20.100000000000001" customHeight="1">
      <c r="A23" s="17" t="s">
        <v>43</v>
      </c>
      <c r="B23" s="17"/>
      <c r="C23" s="13">
        <v>20273</v>
      </c>
      <c r="D23" s="14">
        <v>10322</v>
      </c>
      <c r="E23" s="14">
        <v>9951</v>
      </c>
      <c r="F23" s="14"/>
      <c r="G23" s="18" t="s">
        <v>44</v>
      </c>
      <c r="H23" s="17"/>
      <c r="I23" s="13">
        <v>21376</v>
      </c>
      <c r="J23" s="14">
        <v>10307</v>
      </c>
      <c r="K23" s="14">
        <v>11069</v>
      </c>
    </row>
    <row r="24" spans="1:11" ht="15" customHeight="1">
      <c r="A24" s="17" t="s">
        <v>45</v>
      </c>
      <c r="B24" s="17"/>
      <c r="C24" s="13">
        <v>3944</v>
      </c>
      <c r="D24" s="19">
        <v>2023</v>
      </c>
      <c r="E24" s="19">
        <v>1921</v>
      </c>
      <c r="F24" s="19"/>
      <c r="G24" s="18" t="s">
        <v>46</v>
      </c>
      <c r="H24" s="17"/>
      <c r="I24" s="13">
        <v>4048</v>
      </c>
      <c r="J24" s="19">
        <v>1980</v>
      </c>
      <c r="K24" s="19">
        <v>2068</v>
      </c>
    </row>
    <row r="25" spans="1:11" ht="15" customHeight="1">
      <c r="A25" s="17" t="s">
        <v>47</v>
      </c>
      <c r="B25" s="17"/>
      <c r="C25" s="13">
        <v>3871</v>
      </c>
      <c r="D25" s="19">
        <v>1953</v>
      </c>
      <c r="E25" s="19">
        <v>1918</v>
      </c>
      <c r="F25" s="19"/>
      <c r="G25" s="18" t="s">
        <v>48</v>
      </c>
      <c r="H25" s="17"/>
      <c r="I25" s="13">
        <v>4244</v>
      </c>
      <c r="J25" s="19">
        <v>2087</v>
      </c>
      <c r="K25" s="19">
        <v>2157</v>
      </c>
    </row>
    <row r="26" spans="1:11" ht="15" customHeight="1">
      <c r="A26" s="17" t="s">
        <v>49</v>
      </c>
      <c r="B26" s="17"/>
      <c r="C26" s="13">
        <v>4147</v>
      </c>
      <c r="D26" s="19">
        <v>2089</v>
      </c>
      <c r="E26" s="19">
        <v>2058</v>
      </c>
      <c r="F26" s="19"/>
      <c r="G26" s="18" t="s">
        <v>50</v>
      </c>
      <c r="H26" s="17"/>
      <c r="I26" s="13">
        <v>4201</v>
      </c>
      <c r="J26" s="19">
        <v>2046</v>
      </c>
      <c r="K26" s="19">
        <v>2155</v>
      </c>
    </row>
    <row r="27" spans="1:11" ht="15" customHeight="1">
      <c r="A27" s="17" t="s">
        <v>51</v>
      </c>
      <c r="B27" s="17"/>
      <c r="C27" s="13">
        <v>4116</v>
      </c>
      <c r="D27" s="19">
        <v>2077</v>
      </c>
      <c r="E27" s="19">
        <v>2039</v>
      </c>
      <c r="F27" s="19"/>
      <c r="G27" s="18" t="s">
        <v>52</v>
      </c>
      <c r="H27" s="17"/>
      <c r="I27" s="13">
        <v>4207</v>
      </c>
      <c r="J27" s="19">
        <v>1983</v>
      </c>
      <c r="K27" s="19">
        <v>2224</v>
      </c>
    </row>
    <row r="28" spans="1:11" ht="15" customHeight="1">
      <c r="A28" s="17" t="s">
        <v>53</v>
      </c>
      <c r="B28" s="17"/>
      <c r="C28" s="13">
        <v>4195</v>
      </c>
      <c r="D28" s="19">
        <v>2180</v>
      </c>
      <c r="E28" s="19">
        <v>2015</v>
      </c>
      <c r="F28" s="19"/>
      <c r="G28" s="18" t="s">
        <v>54</v>
      </c>
      <c r="H28" s="17"/>
      <c r="I28" s="13">
        <v>4676</v>
      </c>
      <c r="J28" s="19">
        <v>2211</v>
      </c>
      <c r="K28" s="19">
        <v>2465</v>
      </c>
    </row>
    <row r="29" spans="1:11" ht="20.100000000000001" customHeight="1">
      <c r="A29" s="17" t="s">
        <v>55</v>
      </c>
      <c r="B29" s="17"/>
      <c r="C29" s="13">
        <v>22468</v>
      </c>
      <c r="D29" s="14">
        <v>11728</v>
      </c>
      <c r="E29" s="14">
        <v>10740</v>
      </c>
      <c r="F29" s="14"/>
      <c r="G29" s="18" t="s">
        <v>56</v>
      </c>
      <c r="H29" s="17"/>
      <c r="I29" s="13">
        <v>28299</v>
      </c>
      <c r="J29" s="14">
        <v>12990</v>
      </c>
      <c r="K29" s="14">
        <v>15309</v>
      </c>
    </row>
    <row r="30" spans="1:11" ht="15" customHeight="1">
      <c r="A30" s="17" t="s">
        <v>57</v>
      </c>
      <c r="B30" s="17"/>
      <c r="C30" s="13">
        <v>4438</v>
      </c>
      <c r="D30" s="19">
        <v>2324</v>
      </c>
      <c r="E30" s="19">
        <v>2114</v>
      </c>
      <c r="F30" s="19"/>
      <c r="G30" s="18" t="s">
        <v>58</v>
      </c>
      <c r="H30" s="17"/>
      <c r="I30" s="13">
        <v>4898</v>
      </c>
      <c r="J30" s="19">
        <v>2258</v>
      </c>
      <c r="K30" s="19">
        <v>2640</v>
      </c>
    </row>
    <row r="31" spans="1:11" ht="15" customHeight="1">
      <c r="A31" s="17" t="s">
        <v>59</v>
      </c>
      <c r="B31" s="17"/>
      <c r="C31" s="13">
        <v>4670</v>
      </c>
      <c r="D31" s="19">
        <v>2480</v>
      </c>
      <c r="E31" s="19">
        <v>2190</v>
      </c>
      <c r="F31" s="19"/>
      <c r="G31" s="18" t="s">
        <v>60</v>
      </c>
      <c r="H31" s="17"/>
      <c r="I31" s="13">
        <v>5298</v>
      </c>
      <c r="J31" s="19">
        <v>2479</v>
      </c>
      <c r="K31" s="19">
        <v>2819</v>
      </c>
    </row>
    <row r="32" spans="1:11" ht="15" customHeight="1">
      <c r="A32" s="17" t="s">
        <v>61</v>
      </c>
      <c r="B32" s="17"/>
      <c r="C32" s="13">
        <v>4527</v>
      </c>
      <c r="D32" s="19">
        <v>2331</v>
      </c>
      <c r="E32" s="19">
        <v>2196</v>
      </c>
      <c r="F32" s="19"/>
      <c r="G32" s="18" t="s">
        <v>62</v>
      </c>
      <c r="H32" s="17"/>
      <c r="I32" s="13">
        <v>6090</v>
      </c>
      <c r="J32" s="19">
        <v>2791</v>
      </c>
      <c r="K32" s="19">
        <v>3299</v>
      </c>
    </row>
    <row r="33" spans="1:11" ht="15" customHeight="1">
      <c r="A33" s="17" t="s">
        <v>63</v>
      </c>
      <c r="B33" s="17"/>
      <c r="C33" s="13">
        <v>4471</v>
      </c>
      <c r="D33" s="19">
        <v>2292</v>
      </c>
      <c r="E33" s="19">
        <v>2179</v>
      </c>
      <c r="F33" s="19"/>
      <c r="G33" s="18" t="s">
        <v>64</v>
      </c>
      <c r="H33" s="17"/>
      <c r="I33" s="13">
        <v>6007</v>
      </c>
      <c r="J33" s="19">
        <v>2770</v>
      </c>
      <c r="K33" s="19">
        <v>3237</v>
      </c>
    </row>
    <row r="34" spans="1:11" ht="15" customHeight="1">
      <c r="A34" s="17" t="s">
        <v>65</v>
      </c>
      <c r="B34" s="17"/>
      <c r="C34" s="13">
        <v>4362</v>
      </c>
      <c r="D34" s="19">
        <v>2301</v>
      </c>
      <c r="E34" s="19">
        <v>2061</v>
      </c>
      <c r="F34" s="19"/>
      <c r="G34" s="18" t="s">
        <v>66</v>
      </c>
      <c r="H34" s="17"/>
      <c r="I34" s="13">
        <v>6006</v>
      </c>
      <c r="J34" s="19">
        <v>2692</v>
      </c>
      <c r="K34" s="19">
        <v>3314</v>
      </c>
    </row>
    <row r="35" spans="1:11" ht="20.100000000000001" customHeight="1">
      <c r="A35" s="17" t="s">
        <v>67</v>
      </c>
      <c r="B35" s="17"/>
      <c r="C35" s="13">
        <v>21279</v>
      </c>
      <c r="D35" s="14">
        <v>11203</v>
      </c>
      <c r="E35" s="14">
        <v>10076</v>
      </c>
      <c r="F35" s="14"/>
      <c r="G35" s="18" t="s">
        <v>68</v>
      </c>
      <c r="H35" s="17"/>
      <c r="I35" s="13">
        <v>21562</v>
      </c>
      <c r="J35" s="14">
        <v>9727</v>
      </c>
      <c r="K35" s="14">
        <v>11835</v>
      </c>
    </row>
    <row r="36" spans="1:11" ht="15" customHeight="1">
      <c r="A36" s="17" t="s">
        <v>69</v>
      </c>
      <c r="B36" s="17"/>
      <c r="C36" s="13">
        <v>4398</v>
      </c>
      <c r="D36" s="19">
        <v>2335</v>
      </c>
      <c r="E36" s="19">
        <v>2063</v>
      </c>
      <c r="F36" s="19"/>
      <c r="G36" s="18" t="s">
        <v>70</v>
      </c>
      <c r="H36" s="17"/>
      <c r="I36" s="13">
        <v>4228</v>
      </c>
      <c r="J36" s="19">
        <v>1968</v>
      </c>
      <c r="K36" s="19">
        <v>2260</v>
      </c>
    </row>
    <row r="37" spans="1:11" ht="15" customHeight="1">
      <c r="A37" s="17" t="s">
        <v>71</v>
      </c>
      <c r="B37" s="17"/>
      <c r="C37" s="13">
        <v>4197</v>
      </c>
      <c r="D37" s="19">
        <v>2235</v>
      </c>
      <c r="E37" s="19">
        <v>1962</v>
      </c>
      <c r="F37" s="19"/>
      <c r="G37" s="18" t="s">
        <v>72</v>
      </c>
      <c r="H37" s="17"/>
      <c r="I37" s="13">
        <v>3758</v>
      </c>
      <c r="J37" s="19">
        <v>1718</v>
      </c>
      <c r="K37" s="19">
        <v>2040</v>
      </c>
    </row>
    <row r="38" spans="1:11" ht="15" customHeight="1">
      <c r="A38" s="17" t="s">
        <v>73</v>
      </c>
      <c r="B38" s="17"/>
      <c r="C38" s="13">
        <v>4263</v>
      </c>
      <c r="D38" s="19">
        <v>2197</v>
      </c>
      <c r="E38" s="19">
        <v>2066</v>
      </c>
      <c r="F38" s="19"/>
      <c r="G38" s="18" t="s">
        <v>74</v>
      </c>
      <c r="H38" s="17"/>
      <c r="I38" s="13">
        <v>4492</v>
      </c>
      <c r="J38" s="19">
        <v>2003</v>
      </c>
      <c r="K38" s="19">
        <v>2489</v>
      </c>
    </row>
    <row r="39" spans="1:11" ht="15" customHeight="1">
      <c r="A39" s="17" t="s">
        <v>75</v>
      </c>
      <c r="B39" s="17"/>
      <c r="C39" s="13">
        <v>4269</v>
      </c>
      <c r="D39" s="19">
        <v>2267</v>
      </c>
      <c r="E39" s="19">
        <v>2002</v>
      </c>
      <c r="F39" s="19"/>
      <c r="G39" s="18" t="s">
        <v>76</v>
      </c>
      <c r="H39" s="17"/>
      <c r="I39" s="13">
        <v>4631</v>
      </c>
      <c r="J39" s="19">
        <v>2052</v>
      </c>
      <c r="K39" s="19">
        <v>2579</v>
      </c>
    </row>
    <row r="40" spans="1:11" ht="15" customHeight="1">
      <c r="A40" s="17" t="s">
        <v>77</v>
      </c>
      <c r="B40" s="17"/>
      <c r="C40" s="13">
        <v>4152</v>
      </c>
      <c r="D40" s="19">
        <v>2169</v>
      </c>
      <c r="E40" s="19">
        <v>1983</v>
      </c>
      <c r="F40" s="19"/>
      <c r="G40" s="18" t="s">
        <v>78</v>
      </c>
      <c r="H40" s="17"/>
      <c r="I40" s="13">
        <v>4453</v>
      </c>
      <c r="J40" s="19">
        <v>1986</v>
      </c>
      <c r="K40" s="19">
        <v>2467</v>
      </c>
    </row>
    <row r="41" spans="1:11" ht="20.100000000000001" customHeight="1">
      <c r="A41" s="17" t="s">
        <v>79</v>
      </c>
      <c r="B41" s="17"/>
      <c r="C41" s="13">
        <v>22410</v>
      </c>
      <c r="D41" s="14">
        <v>11491</v>
      </c>
      <c r="E41" s="14">
        <v>10919</v>
      </c>
      <c r="F41" s="14"/>
      <c r="G41" s="18" t="s">
        <v>80</v>
      </c>
      <c r="H41" s="17"/>
      <c r="I41" s="13">
        <v>17525</v>
      </c>
      <c r="J41" s="14">
        <v>7434</v>
      </c>
      <c r="K41" s="14">
        <v>10091</v>
      </c>
    </row>
    <row r="42" spans="1:11" ht="15" customHeight="1">
      <c r="A42" s="17" t="s">
        <v>81</v>
      </c>
      <c r="B42" s="17"/>
      <c r="C42" s="13">
        <v>4391</v>
      </c>
      <c r="D42" s="19">
        <v>2313</v>
      </c>
      <c r="E42" s="19">
        <v>2078</v>
      </c>
      <c r="F42" s="19"/>
      <c r="G42" s="18" t="s">
        <v>82</v>
      </c>
      <c r="H42" s="17"/>
      <c r="I42" s="13">
        <v>4420</v>
      </c>
      <c r="J42" s="19">
        <v>1888</v>
      </c>
      <c r="K42" s="19">
        <v>2532</v>
      </c>
    </row>
    <row r="43" spans="1:11" ht="15" customHeight="1">
      <c r="A43" s="17" t="s">
        <v>83</v>
      </c>
      <c r="B43" s="17"/>
      <c r="C43" s="13">
        <v>4431</v>
      </c>
      <c r="D43" s="19">
        <v>2287</v>
      </c>
      <c r="E43" s="19">
        <v>2144</v>
      </c>
      <c r="F43" s="19"/>
      <c r="G43" s="18" t="s">
        <v>84</v>
      </c>
      <c r="H43" s="17"/>
      <c r="I43" s="13">
        <v>3750</v>
      </c>
      <c r="J43" s="19">
        <v>1612</v>
      </c>
      <c r="K43" s="19">
        <v>2138</v>
      </c>
    </row>
    <row r="44" spans="1:11" ht="15" customHeight="1">
      <c r="A44" s="17" t="s">
        <v>85</v>
      </c>
      <c r="B44" s="17"/>
      <c r="C44" s="13">
        <v>4433</v>
      </c>
      <c r="D44" s="19">
        <v>2254</v>
      </c>
      <c r="E44" s="19">
        <v>2179</v>
      </c>
      <c r="F44" s="19"/>
      <c r="G44" s="18" t="s">
        <v>86</v>
      </c>
      <c r="H44" s="17"/>
      <c r="I44" s="13">
        <v>3133</v>
      </c>
      <c r="J44" s="19">
        <v>1337</v>
      </c>
      <c r="K44" s="19">
        <v>1796</v>
      </c>
    </row>
    <row r="45" spans="1:11" ht="15" customHeight="1">
      <c r="A45" s="17" t="s">
        <v>87</v>
      </c>
      <c r="B45" s="17"/>
      <c r="C45" s="13">
        <v>4631</v>
      </c>
      <c r="D45" s="19">
        <v>2380</v>
      </c>
      <c r="E45" s="19">
        <v>2251</v>
      </c>
      <c r="F45" s="19"/>
      <c r="G45" s="18" t="s">
        <v>88</v>
      </c>
      <c r="H45" s="17"/>
      <c r="I45" s="13">
        <v>3046</v>
      </c>
      <c r="J45" s="19">
        <v>1253</v>
      </c>
      <c r="K45" s="19">
        <v>1793</v>
      </c>
    </row>
    <row r="46" spans="1:11" ht="15" customHeight="1">
      <c r="A46" s="17" t="s">
        <v>89</v>
      </c>
      <c r="B46" s="17"/>
      <c r="C46" s="13">
        <v>4524</v>
      </c>
      <c r="D46" s="19">
        <v>2257</v>
      </c>
      <c r="E46" s="19">
        <v>2267</v>
      </c>
      <c r="F46" s="19"/>
      <c r="G46" s="18" t="s">
        <v>90</v>
      </c>
      <c r="H46" s="17"/>
      <c r="I46" s="13">
        <v>3176</v>
      </c>
      <c r="J46" s="19">
        <v>1344</v>
      </c>
      <c r="K46" s="19">
        <v>1832</v>
      </c>
    </row>
    <row r="47" spans="1:11" ht="20.100000000000001" customHeight="1">
      <c r="A47" s="17" t="s">
        <v>91</v>
      </c>
      <c r="B47" s="17"/>
      <c r="C47" s="13">
        <v>26724</v>
      </c>
      <c r="D47" s="14">
        <v>13446</v>
      </c>
      <c r="E47" s="14">
        <v>13278</v>
      </c>
      <c r="F47" s="14"/>
      <c r="G47" s="18" t="s">
        <v>92</v>
      </c>
      <c r="H47" s="17"/>
      <c r="I47" s="13">
        <v>11583</v>
      </c>
      <c r="J47" s="14">
        <v>4409</v>
      </c>
      <c r="K47" s="14">
        <v>7174</v>
      </c>
    </row>
    <row r="48" spans="1:11" ht="15" customHeight="1">
      <c r="A48" s="17" t="s">
        <v>93</v>
      </c>
      <c r="B48" s="17"/>
      <c r="C48" s="13">
        <v>4850</v>
      </c>
      <c r="D48" s="19">
        <v>2478</v>
      </c>
      <c r="E48" s="19">
        <v>2372</v>
      </c>
      <c r="F48" s="19"/>
      <c r="G48" s="18" t="s">
        <v>94</v>
      </c>
      <c r="H48" s="17"/>
      <c r="I48" s="13">
        <v>2907</v>
      </c>
      <c r="J48" s="19">
        <v>1140</v>
      </c>
      <c r="K48" s="19">
        <v>1767</v>
      </c>
    </row>
    <row r="49" spans="1:11" ht="15" customHeight="1">
      <c r="A49" s="17" t="s">
        <v>95</v>
      </c>
      <c r="B49" s="17"/>
      <c r="C49" s="13">
        <v>5172</v>
      </c>
      <c r="D49" s="19">
        <v>2581</v>
      </c>
      <c r="E49" s="19">
        <v>2591</v>
      </c>
      <c r="F49" s="19"/>
      <c r="G49" s="18" t="s">
        <v>96</v>
      </c>
      <c r="H49" s="17"/>
      <c r="I49" s="13">
        <v>2707</v>
      </c>
      <c r="J49" s="19">
        <v>1072</v>
      </c>
      <c r="K49" s="19">
        <v>1635</v>
      </c>
    </row>
    <row r="50" spans="1:11" ht="15" customHeight="1">
      <c r="A50" s="17" t="s">
        <v>97</v>
      </c>
      <c r="B50" s="17"/>
      <c r="C50" s="13">
        <v>5347</v>
      </c>
      <c r="D50" s="19">
        <v>2672</v>
      </c>
      <c r="E50" s="19">
        <v>2675</v>
      </c>
      <c r="F50" s="19"/>
      <c r="G50" s="18" t="s">
        <v>98</v>
      </c>
      <c r="H50" s="17"/>
      <c r="I50" s="13">
        <v>2208</v>
      </c>
      <c r="J50" s="19">
        <v>835</v>
      </c>
      <c r="K50" s="19">
        <v>1373</v>
      </c>
    </row>
    <row r="51" spans="1:11" ht="15" customHeight="1">
      <c r="A51" s="17" t="s">
        <v>99</v>
      </c>
      <c r="B51" s="17"/>
      <c r="C51" s="13">
        <v>5700</v>
      </c>
      <c r="D51" s="19">
        <v>2882</v>
      </c>
      <c r="E51" s="19">
        <v>2818</v>
      </c>
      <c r="F51" s="19"/>
      <c r="G51" s="18" t="s">
        <v>100</v>
      </c>
      <c r="H51" s="17"/>
      <c r="I51" s="13">
        <v>2036</v>
      </c>
      <c r="J51" s="19">
        <v>733</v>
      </c>
      <c r="K51" s="19">
        <v>1303</v>
      </c>
    </row>
    <row r="52" spans="1:11" ht="15" customHeight="1">
      <c r="A52" s="17" t="s">
        <v>101</v>
      </c>
      <c r="B52" s="17"/>
      <c r="C52" s="13">
        <v>5655</v>
      </c>
      <c r="D52" s="19">
        <v>2833</v>
      </c>
      <c r="E52" s="19">
        <v>2822</v>
      </c>
      <c r="F52" s="19"/>
      <c r="G52" s="18" t="s">
        <v>102</v>
      </c>
      <c r="H52" s="17"/>
      <c r="I52" s="13">
        <v>1725</v>
      </c>
      <c r="J52" s="19">
        <v>629</v>
      </c>
      <c r="K52" s="19">
        <v>1096</v>
      </c>
    </row>
    <row r="53" spans="1:11" ht="20.100000000000001" customHeight="1">
      <c r="A53" s="17" t="s">
        <v>103</v>
      </c>
      <c r="B53" s="17"/>
      <c r="C53" s="13">
        <v>30933</v>
      </c>
      <c r="D53" s="14">
        <v>15474</v>
      </c>
      <c r="E53" s="14">
        <v>15459</v>
      </c>
      <c r="F53" s="14"/>
      <c r="G53" s="18" t="s">
        <v>104</v>
      </c>
      <c r="H53" s="17"/>
      <c r="I53" s="13">
        <v>5464</v>
      </c>
      <c r="J53" s="14">
        <v>1571</v>
      </c>
      <c r="K53" s="14">
        <v>3893</v>
      </c>
    </row>
    <row r="54" spans="1:11" ht="15" customHeight="1">
      <c r="A54" s="17" t="s">
        <v>105</v>
      </c>
      <c r="B54" s="17"/>
      <c r="C54" s="13">
        <v>5787</v>
      </c>
      <c r="D54" s="19">
        <v>2862</v>
      </c>
      <c r="E54" s="19">
        <v>2925</v>
      </c>
      <c r="F54" s="19"/>
      <c r="G54" s="18" t="s">
        <v>106</v>
      </c>
      <c r="H54" s="17"/>
      <c r="I54" s="13">
        <v>1513</v>
      </c>
      <c r="J54" s="19">
        <v>447</v>
      </c>
      <c r="K54" s="19">
        <v>1066</v>
      </c>
    </row>
    <row r="55" spans="1:11" ht="15" customHeight="1">
      <c r="A55" s="17" t="s">
        <v>107</v>
      </c>
      <c r="B55" s="17"/>
      <c r="C55" s="13">
        <v>5984</v>
      </c>
      <c r="D55" s="19">
        <v>2978</v>
      </c>
      <c r="E55" s="19">
        <v>3006</v>
      </c>
      <c r="F55" s="19"/>
      <c r="G55" s="18" t="s">
        <v>108</v>
      </c>
      <c r="H55" s="17"/>
      <c r="I55" s="13">
        <v>1326</v>
      </c>
      <c r="J55" s="19">
        <v>411</v>
      </c>
      <c r="K55" s="19">
        <v>915</v>
      </c>
    </row>
    <row r="56" spans="1:11" ht="15" customHeight="1">
      <c r="A56" s="17" t="s">
        <v>109</v>
      </c>
      <c r="B56" s="17"/>
      <c r="C56" s="13">
        <v>6270</v>
      </c>
      <c r="D56" s="19">
        <v>3181</v>
      </c>
      <c r="E56" s="19">
        <v>3089</v>
      </c>
      <c r="F56" s="19"/>
      <c r="G56" s="18" t="s">
        <v>110</v>
      </c>
      <c r="H56" s="17"/>
      <c r="I56" s="13">
        <v>1042</v>
      </c>
      <c r="J56" s="19">
        <v>310</v>
      </c>
      <c r="K56" s="19">
        <v>732</v>
      </c>
    </row>
    <row r="57" spans="1:11" ht="15" customHeight="1">
      <c r="A57" s="17" t="s">
        <v>111</v>
      </c>
      <c r="B57" s="17"/>
      <c r="C57" s="13">
        <v>6347</v>
      </c>
      <c r="D57" s="19">
        <v>3172</v>
      </c>
      <c r="E57" s="19">
        <v>3175</v>
      </c>
      <c r="F57" s="19"/>
      <c r="G57" s="18" t="s">
        <v>112</v>
      </c>
      <c r="H57" s="17"/>
      <c r="I57" s="13">
        <v>902</v>
      </c>
      <c r="J57" s="19">
        <v>237</v>
      </c>
      <c r="K57" s="19">
        <v>665</v>
      </c>
    </row>
    <row r="58" spans="1:11" ht="15" customHeight="1">
      <c r="A58" s="17" t="s">
        <v>113</v>
      </c>
      <c r="B58" s="17"/>
      <c r="C58" s="13">
        <v>6545</v>
      </c>
      <c r="D58" s="19">
        <v>3281</v>
      </c>
      <c r="E58" s="19">
        <v>3264</v>
      </c>
      <c r="F58" s="19"/>
      <c r="G58" s="18" t="s">
        <v>114</v>
      </c>
      <c r="H58" s="17"/>
      <c r="I58" s="13">
        <v>681</v>
      </c>
      <c r="J58" s="19">
        <v>166</v>
      </c>
      <c r="K58" s="19">
        <v>515</v>
      </c>
    </row>
    <row r="59" spans="1:11" ht="20.100000000000001" customHeight="1">
      <c r="A59" s="17" t="s">
        <v>115</v>
      </c>
      <c r="B59" s="17"/>
      <c r="C59" s="13">
        <v>36865</v>
      </c>
      <c r="D59" s="14">
        <v>18507</v>
      </c>
      <c r="E59" s="14">
        <v>18358</v>
      </c>
      <c r="F59" s="14"/>
      <c r="G59" s="18" t="s">
        <v>116</v>
      </c>
      <c r="H59" s="17"/>
      <c r="I59" s="13">
        <v>1407</v>
      </c>
      <c r="J59" s="14">
        <v>308</v>
      </c>
      <c r="K59" s="14">
        <v>1099</v>
      </c>
    </row>
    <row r="60" spans="1:11" ht="15" customHeight="1">
      <c r="A60" s="17" t="s">
        <v>117</v>
      </c>
      <c r="B60" s="17"/>
      <c r="C60" s="13">
        <v>6803</v>
      </c>
      <c r="D60" s="19">
        <v>3434</v>
      </c>
      <c r="E60" s="19">
        <v>3369</v>
      </c>
      <c r="F60" s="19"/>
      <c r="G60" s="18" t="s">
        <v>118</v>
      </c>
      <c r="H60" s="17"/>
      <c r="I60" s="13">
        <v>472</v>
      </c>
      <c r="J60" s="19">
        <v>120</v>
      </c>
      <c r="K60" s="19">
        <v>352</v>
      </c>
    </row>
    <row r="61" spans="1:11" ht="15" customHeight="1">
      <c r="A61" s="17" t="s">
        <v>119</v>
      </c>
      <c r="B61" s="17"/>
      <c r="C61" s="13">
        <v>6954</v>
      </c>
      <c r="D61" s="19">
        <v>3430</v>
      </c>
      <c r="E61" s="19">
        <v>3524</v>
      </c>
      <c r="F61" s="19"/>
      <c r="G61" s="18" t="s">
        <v>120</v>
      </c>
      <c r="H61" s="17"/>
      <c r="I61" s="13">
        <v>381</v>
      </c>
      <c r="J61" s="19">
        <v>83</v>
      </c>
      <c r="K61" s="19">
        <v>298</v>
      </c>
    </row>
    <row r="62" spans="1:11" ht="15" customHeight="1">
      <c r="A62" s="17" t="s">
        <v>121</v>
      </c>
      <c r="B62" s="17"/>
      <c r="C62" s="13">
        <v>7426</v>
      </c>
      <c r="D62" s="19">
        <v>3777</v>
      </c>
      <c r="E62" s="19">
        <v>3649</v>
      </c>
      <c r="F62" s="19"/>
      <c r="G62" s="18" t="s">
        <v>122</v>
      </c>
      <c r="H62" s="17"/>
      <c r="I62" s="13">
        <v>247</v>
      </c>
      <c r="J62" s="19">
        <v>44</v>
      </c>
      <c r="K62" s="19">
        <v>203</v>
      </c>
    </row>
    <row r="63" spans="1:11" ht="15" customHeight="1">
      <c r="A63" s="17" t="s">
        <v>123</v>
      </c>
      <c r="B63" s="17"/>
      <c r="C63" s="13">
        <v>7983</v>
      </c>
      <c r="D63" s="19">
        <v>3979</v>
      </c>
      <c r="E63" s="19">
        <v>4004</v>
      </c>
      <c r="F63" s="19"/>
      <c r="G63" s="18" t="s">
        <v>124</v>
      </c>
      <c r="H63" s="17"/>
      <c r="I63" s="13">
        <v>186</v>
      </c>
      <c r="J63" s="19">
        <v>43</v>
      </c>
      <c r="K63" s="19">
        <v>143</v>
      </c>
    </row>
    <row r="64" spans="1:11" ht="15" customHeight="1">
      <c r="A64" s="17" t="s">
        <v>125</v>
      </c>
      <c r="B64" s="17"/>
      <c r="C64" s="13">
        <v>7699</v>
      </c>
      <c r="D64" s="19">
        <v>3887</v>
      </c>
      <c r="E64" s="19">
        <v>3812</v>
      </c>
      <c r="F64" s="19"/>
      <c r="G64" s="18" t="s">
        <v>126</v>
      </c>
      <c r="H64" s="17"/>
      <c r="I64" s="13">
        <v>121</v>
      </c>
      <c r="J64" s="19">
        <v>18</v>
      </c>
      <c r="K64" s="19">
        <v>103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258</v>
      </c>
      <c r="J65" s="19">
        <v>49</v>
      </c>
      <c r="K65" s="19">
        <v>209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8325</v>
      </c>
      <c r="J66" s="27">
        <v>4980</v>
      </c>
      <c r="K66" s="27">
        <v>3345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6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04483</v>
      </c>
      <c r="D4" s="14">
        <v>52764</v>
      </c>
      <c r="E4" s="14">
        <v>5171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3772</v>
      </c>
      <c r="D5" s="14">
        <v>1923</v>
      </c>
      <c r="E5" s="14">
        <v>1849</v>
      </c>
      <c r="F5" s="14"/>
      <c r="G5" s="18" t="s">
        <v>8</v>
      </c>
      <c r="H5" s="17"/>
      <c r="I5" s="13">
        <v>8952</v>
      </c>
      <c r="J5" s="14">
        <v>4650</v>
      </c>
      <c r="K5" s="14">
        <v>4302</v>
      </c>
    </row>
    <row r="6" spans="1:11" ht="15" customHeight="1">
      <c r="A6" s="17" t="s">
        <v>9</v>
      </c>
      <c r="B6" s="17"/>
      <c r="C6" s="13">
        <v>759</v>
      </c>
      <c r="D6" s="19">
        <v>385</v>
      </c>
      <c r="E6" s="19">
        <v>374</v>
      </c>
      <c r="F6" s="19"/>
      <c r="G6" s="18" t="s">
        <v>10</v>
      </c>
      <c r="H6" s="17"/>
      <c r="I6" s="13">
        <v>1881</v>
      </c>
      <c r="J6" s="19">
        <v>947</v>
      </c>
      <c r="K6" s="19">
        <v>934</v>
      </c>
    </row>
    <row r="7" spans="1:11" ht="15" customHeight="1">
      <c r="A7" s="17" t="s">
        <v>11</v>
      </c>
      <c r="B7" s="17"/>
      <c r="C7" s="13">
        <v>704</v>
      </c>
      <c r="D7" s="19">
        <v>368</v>
      </c>
      <c r="E7" s="19">
        <v>336</v>
      </c>
      <c r="F7" s="19"/>
      <c r="G7" s="18" t="s">
        <v>12</v>
      </c>
      <c r="H7" s="17"/>
      <c r="I7" s="13">
        <v>1831</v>
      </c>
      <c r="J7" s="19">
        <v>950</v>
      </c>
      <c r="K7" s="19">
        <v>881</v>
      </c>
    </row>
    <row r="8" spans="1:11" ht="15" customHeight="1">
      <c r="A8" s="17" t="s">
        <v>13</v>
      </c>
      <c r="B8" s="17"/>
      <c r="C8" s="13">
        <v>752</v>
      </c>
      <c r="D8" s="19">
        <v>369</v>
      </c>
      <c r="E8" s="19">
        <v>383</v>
      </c>
      <c r="F8" s="19"/>
      <c r="G8" s="18" t="s">
        <v>14</v>
      </c>
      <c r="H8" s="17"/>
      <c r="I8" s="13">
        <v>1770</v>
      </c>
      <c r="J8" s="19">
        <v>898</v>
      </c>
      <c r="K8" s="19">
        <v>872</v>
      </c>
    </row>
    <row r="9" spans="1:11" ht="15" customHeight="1">
      <c r="A9" s="17" t="s">
        <v>15</v>
      </c>
      <c r="B9" s="17"/>
      <c r="C9" s="13">
        <v>758</v>
      </c>
      <c r="D9" s="19">
        <v>394</v>
      </c>
      <c r="E9" s="19">
        <v>364</v>
      </c>
      <c r="F9" s="19"/>
      <c r="G9" s="18" t="s">
        <v>16</v>
      </c>
      <c r="H9" s="17"/>
      <c r="I9" s="13">
        <v>1735</v>
      </c>
      <c r="J9" s="19">
        <v>937</v>
      </c>
      <c r="K9" s="19">
        <v>798</v>
      </c>
    </row>
    <row r="10" spans="1:11" ht="15" customHeight="1">
      <c r="A10" s="17" t="s">
        <v>17</v>
      </c>
      <c r="B10" s="17"/>
      <c r="C10" s="13">
        <v>799</v>
      </c>
      <c r="D10" s="19">
        <v>407</v>
      </c>
      <c r="E10" s="19">
        <v>392</v>
      </c>
      <c r="F10" s="19"/>
      <c r="G10" s="18" t="s">
        <v>18</v>
      </c>
      <c r="H10" s="17"/>
      <c r="I10" s="13">
        <v>1735</v>
      </c>
      <c r="J10" s="19">
        <v>918</v>
      </c>
      <c r="K10" s="19">
        <v>817</v>
      </c>
    </row>
    <row r="11" spans="1:11" ht="20.100000000000001" customHeight="1">
      <c r="A11" s="17" t="s">
        <v>19</v>
      </c>
      <c r="B11" s="17"/>
      <c r="C11" s="13">
        <v>3887</v>
      </c>
      <c r="D11" s="14">
        <v>1960</v>
      </c>
      <c r="E11" s="14">
        <v>1927</v>
      </c>
      <c r="F11" s="14"/>
      <c r="G11" s="18" t="s">
        <v>20</v>
      </c>
      <c r="H11" s="17"/>
      <c r="I11" s="13">
        <v>6773</v>
      </c>
      <c r="J11" s="14">
        <v>3565</v>
      </c>
      <c r="K11" s="14">
        <v>3208</v>
      </c>
    </row>
    <row r="12" spans="1:11" ht="15" customHeight="1">
      <c r="A12" s="17" t="s">
        <v>21</v>
      </c>
      <c r="B12" s="17"/>
      <c r="C12" s="13">
        <v>803</v>
      </c>
      <c r="D12" s="19">
        <v>384</v>
      </c>
      <c r="E12" s="19">
        <v>419</v>
      </c>
      <c r="F12" s="19"/>
      <c r="G12" s="18" t="s">
        <v>22</v>
      </c>
      <c r="H12" s="17"/>
      <c r="I12" s="13">
        <v>1332</v>
      </c>
      <c r="J12" s="19">
        <v>724</v>
      </c>
      <c r="K12" s="19">
        <v>608</v>
      </c>
    </row>
    <row r="13" spans="1:11" ht="15" customHeight="1">
      <c r="A13" s="17" t="s">
        <v>23</v>
      </c>
      <c r="B13" s="17"/>
      <c r="C13" s="13">
        <v>783</v>
      </c>
      <c r="D13" s="19">
        <v>415</v>
      </c>
      <c r="E13" s="19">
        <v>368</v>
      </c>
      <c r="F13" s="19"/>
      <c r="G13" s="18" t="s">
        <v>24</v>
      </c>
      <c r="H13" s="17"/>
      <c r="I13" s="13">
        <v>1475</v>
      </c>
      <c r="J13" s="19">
        <v>795</v>
      </c>
      <c r="K13" s="19">
        <v>680</v>
      </c>
    </row>
    <row r="14" spans="1:11" ht="15" customHeight="1">
      <c r="A14" s="17" t="s">
        <v>25</v>
      </c>
      <c r="B14" s="17"/>
      <c r="C14" s="13">
        <v>767</v>
      </c>
      <c r="D14" s="19">
        <v>389</v>
      </c>
      <c r="E14" s="19">
        <v>378</v>
      </c>
      <c r="F14" s="19"/>
      <c r="G14" s="18" t="s">
        <v>26</v>
      </c>
      <c r="H14" s="17"/>
      <c r="I14" s="13">
        <v>1430</v>
      </c>
      <c r="J14" s="19">
        <v>725</v>
      </c>
      <c r="K14" s="19">
        <v>705</v>
      </c>
    </row>
    <row r="15" spans="1:11" ht="15" customHeight="1">
      <c r="A15" s="17" t="s">
        <v>27</v>
      </c>
      <c r="B15" s="17"/>
      <c r="C15" s="13">
        <v>781</v>
      </c>
      <c r="D15" s="19">
        <v>408</v>
      </c>
      <c r="E15" s="19">
        <v>373</v>
      </c>
      <c r="F15" s="19"/>
      <c r="G15" s="18" t="s">
        <v>28</v>
      </c>
      <c r="H15" s="17"/>
      <c r="I15" s="13">
        <v>1270</v>
      </c>
      <c r="J15" s="19">
        <v>662</v>
      </c>
      <c r="K15" s="19">
        <v>608</v>
      </c>
    </row>
    <row r="16" spans="1:11" ht="15" customHeight="1">
      <c r="A16" s="17" t="s">
        <v>29</v>
      </c>
      <c r="B16" s="17"/>
      <c r="C16" s="13">
        <v>753</v>
      </c>
      <c r="D16" s="19">
        <v>364</v>
      </c>
      <c r="E16" s="19">
        <v>389</v>
      </c>
      <c r="F16" s="19"/>
      <c r="G16" s="18" t="s">
        <v>30</v>
      </c>
      <c r="H16" s="17"/>
      <c r="I16" s="13">
        <v>1266</v>
      </c>
      <c r="J16" s="19">
        <v>659</v>
      </c>
      <c r="K16" s="19">
        <v>607</v>
      </c>
    </row>
    <row r="17" spans="1:11" ht="20.100000000000001" customHeight="1">
      <c r="A17" s="20" t="s">
        <v>31</v>
      </c>
      <c r="B17" s="20"/>
      <c r="C17" s="13">
        <v>3604</v>
      </c>
      <c r="D17" s="14">
        <v>1842</v>
      </c>
      <c r="E17" s="14">
        <v>1762</v>
      </c>
      <c r="F17" s="14"/>
      <c r="G17" s="18" t="s">
        <v>32</v>
      </c>
      <c r="H17" s="17"/>
      <c r="I17" s="13">
        <v>5278</v>
      </c>
      <c r="J17" s="14">
        <v>2686</v>
      </c>
      <c r="K17" s="14">
        <v>2592</v>
      </c>
    </row>
    <row r="18" spans="1:11" ht="15" customHeight="1">
      <c r="A18" s="17" t="s">
        <v>33</v>
      </c>
      <c r="B18" s="17"/>
      <c r="C18" s="13">
        <v>743</v>
      </c>
      <c r="D18" s="19">
        <v>358</v>
      </c>
      <c r="E18" s="19">
        <v>385</v>
      </c>
      <c r="F18" s="19"/>
      <c r="G18" s="18" t="s">
        <v>34</v>
      </c>
      <c r="H18" s="17"/>
      <c r="I18" s="13">
        <v>1120</v>
      </c>
      <c r="J18" s="19">
        <v>592</v>
      </c>
      <c r="K18" s="19">
        <v>528</v>
      </c>
    </row>
    <row r="19" spans="1:11" ht="15" customHeight="1">
      <c r="A19" s="17" t="s">
        <v>35</v>
      </c>
      <c r="B19" s="17"/>
      <c r="C19" s="13">
        <v>745</v>
      </c>
      <c r="D19" s="19">
        <v>376</v>
      </c>
      <c r="E19" s="19">
        <v>369</v>
      </c>
      <c r="F19" s="19"/>
      <c r="G19" s="18" t="s">
        <v>36</v>
      </c>
      <c r="H19" s="17"/>
      <c r="I19" s="13">
        <v>1046</v>
      </c>
      <c r="J19" s="19">
        <v>523</v>
      </c>
      <c r="K19" s="19">
        <v>523</v>
      </c>
    </row>
    <row r="20" spans="1:11" ht="15" customHeight="1">
      <c r="A20" s="17" t="s">
        <v>37</v>
      </c>
      <c r="B20" s="17"/>
      <c r="C20" s="13">
        <v>726</v>
      </c>
      <c r="D20" s="19">
        <v>383</v>
      </c>
      <c r="E20" s="19">
        <v>343</v>
      </c>
      <c r="F20" s="19"/>
      <c r="G20" s="18" t="s">
        <v>38</v>
      </c>
      <c r="H20" s="17"/>
      <c r="I20" s="13">
        <v>1110</v>
      </c>
      <c r="J20" s="19">
        <v>578</v>
      </c>
      <c r="K20" s="19">
        <v>532</v>
      </c>
    </row>
    <row r="21" spans="1:11" ht="15" customHeight="1">
      <c r="A21" s="17" t="s">
        <v>39</v>
      </c>
      <c r="B21" s="17"/>
      <c r="C21" s="13">
        <v>695</v>
      </c>
      <c r="D21" s="19">
        <v>374</v>
      </c>
      <c r="E21" s="19">
        <v>321</v>
      </c>
      <c r="F21" s="19"/>
      <c r="G21" s="18" t="s">
        <v>40</v>
      </c>
      <c r="H21" s="17"/>
      <c r="I21" s="13">
        <v>1062</v>
      </c>
      <c r="J21" s="19">
        <v>537</v>
      </c>
      <c r="K21" s="19">
        <v>525</v>
      </c>
    </row>
    <row r="22" spans="1:11" ht="15" customHeight="1">
      <c r="A22" s="17" t="s">
        <v>41</v>
      </c>
      <c r="B22" s="17"/>
      <c r="C22" s="13">
        <v>695</v>
      </c>
      <c r="D22" s="19">
        <v>351</v>
      </c>
      <c r="E22" s="19">
        <v>344</v>
      </c>
      <c r="F22" s="19"/>
      <c r="G22" s="18" t="s">
        <v>42</v>
      </c>
      <c r="H22" s="17"/>
      <c r="I22" s="13">
        <v>940</v>
      </c>
      <c r="J22" s="19">
        <v>456</v>
      </c>
      <c r="K22" s="19">
        <v>484</v>
      </c>
    </row>
    <row r="23" spans="1:11" ht="20.100000000000001" customHeight="1">
      <c r="A23" s="17" t="s">
        <v>43</v>
      </c>
      <c r="B23" s="17"/>
      <c r="C23" s="13">
        <v>3386</v>
      </c>
      <c r="D23" s="14">
        <v>1736</v>
      </c>
      <c r="E23" s="14">
        <v>1650</v>
      </c>
      <c r="F23" s="14"/>
      <c r="G23" s="18" t="s">
        <v>44</v>
      </c>
      <c r="H23" s="17"/>
      <c r="I23" s="13">
        <v>4548</v>
      </c>
      <c r="J23" s="14">
        <v>2302</v>
      </c>
      <c r="K23" s="14">
        <v>2246</v>
      </c>
    </row>
    <row r="24" spans="1:11" ht="15" customHeight="1">
      <c r="A24" s="17" t="s">
        <v>45</v>
      </c>
      <c r="B24" s="17"/>
      <c r="C24" s="13">
        <v>644</v>
      </c>
      <c r="D24" s="19">
        <v>325</v>
      </c>
      <c r="E24" s="19">
        <v>319</v>
      </c>
      <c r="F24" s="19"/>
      <c r="G24" s="18" t="s">
        <v>46</v>
      </c>
      <c r="H24" s="17"/>
      <c r="I24" s="13">
        <v>899</v>
      </c>
      <c r="J24" s="19">
        <v>479</v>
      </c>
      <c r="K24" s="19">
        <v>420</v>
      </c>
    </row>
    <row r="25" spans="1:11" ht="15" customHeight="1">
      <c r="A25" s="17" t="s">
        <v>47</v>
      </c>
      <c r="B25" s="17"/>
      <c r="C25" s="13">
        <v>674</v>
      </c>
      <c r="D25" s="19">
        <v>351</v>
      </c>
      <c r="E25" s="19">
        <v>323</v>
      </c>
      <c r="F25" s="19"/>
      <c r="G25" s="18" t="s">
        <v>48</v>
      </c>
      <c r="H25" s="17"/>
      <c r="I25" s="13">
        <v>946</v>
      </c>
      <c r="J25" s="19">
        <v>474</v>
      </c>
      <c r="K25" s="19">
        <v>472</v>
      </c>
    </row>
    <row r="26" spans="1:11" ht="15" customHeight="1">
      <c r="A26" s="17" t="s">
        <v>49</v>
      </c>
      <c r="B26" s="17"/>
      <c r="C26" s="13">
        <v>653</v>
      </c>
      <c r="D26" s="19">
        <v>327</v>
      </c>
      <c r="E26" s="19">
        <v>326</v>
      </c>
      <c r="F26" s="19"/>
      <c r="G26" s="18" t="s">
        <v>50</v>
      </c>
      <c r="H26" s="17"/>
      <c r="I26" s="13">
        <v>890</v>
      </c>
      <c r="J26" s="19">
        <v>441</v>
      </c>
      <c r="K26" s="19">
        <v>449</v>
      </c>
    </row>
    <row r="27" spans="1:11" ht="15" customHeight="1">
      <c r="A27" s="17" t="s">
        <v>51</v>
      </c>
      <c r="B27" s="17"/>
      <c r="C27" s="13">
        <v>683</v>
      </c>
      <c r="D27" s="19">
        <v>362</v>
      </c>
      <c r="E27" s="19">
        <v>321</v>
      </c>
      <c r="F27" s="19"/>
      <c r="G27" s="18" t="s">
        <v>52</v>
      </c>
      <c r="H27" s="17"/>
      <c r="I27" s="13">
        <v>849</v>
      </c>
      <c r="J27" s="19">
        <v>416</v>
      </c>
      <c r="K27" s="19">
        <v>433</v>
      </c>
    </row>
    <row r="28" spans="1:11" ht="15" customHeight="1">
      <c r="A28" s="17" t="s">
        <v>53</v>
      </c>
      <c r="B28" s="17"/>
      <c r="C28" s="13">
        <v>732</v>
      </c>
      <c r="D28" s="19">
        <v>371</v>
      </c>
      <c r="E28" s="19">
        <v>361</v>
      </c>
      <c r="F28" s="19"/>
      <c r="G28" s="18" t="s">
        <v>54</v>
      </c>
      <c r="H28" s="17"/>
      <c r="I28" s="13">
        <v>964</v>
      </c>
      <c r="J28" s="19">
        <v>492</v>
      </c>
      <c r="K28" s="19">
        <v>472</v>
      </c>
    </row>
    <row r="29" spans="1:11" ht="20.100000000000001" customHeight="1">
      <c r="A29" s="17" t="s">
        <v>55</v>
      </c>
      <c r="B29" s="17"/>
      <c r="C29" s="13">
        <v>5501</v>
      </c>
      <c r="D29" s="14">
        <v>2750</v>
      </c>
      <c r="E29" s="14">
        <v>2751</v>
      </c>
      <c r="F29" s="14"/>
      <c r="G29" s="18" t="s">
        <v>56</v>
      </c>
      <c r="H29" s="17"/>
      <c r="I29" s="13">
        <v>5362</v>
      </c>
      <c r="J29" s="14">
        <v>2576</v>
      </c>
      <c r="K29" s="14">
        <v>2786</v>
      </c>
    </row>
    <row r="30" spans="1:11" ht="15" customHeight="1">
      <c r="A30" s="17" t="s">
        <v>57</v>
      </c>
      <c r="B30" s="17"/>
      <c r="C30" s="13">
        <v>833</v>
      </c>
      <c r="D30" s="19">
        <v>426</v>
      </c>
      <c r="E30" s="19">
        <v>407</v>
      </c>
      <c r="F30" s="19"/>
      <c r="G30" s="18" t="s">
        <v>58</v>
      </c>
      <c r="H30" s="17"/>
      <c r="I30" s="13">
        <v>943</v>
      </c>
      <c r="J30" s="19">
        <v>449</v>
      </c>
      <c r="K30" s="19">
        <v>494</v>
      </c>
    </row>
    <row r="31" spans="1:11" ht="15" customHeight="1">
      <c r="A31" s="17" t="s">
        <v>59</v>
      </c>
      <c r="B31" s="17"/>
      <c r="C31" s="13">
        <v>942</v>
      </c>
      <c r="D31" s="19">
        <v>440</v>
      </c>
      <c r="E31" s="19">
        <v>502</v>
      </c>
      <c r="F31" s="19"/>
      <c r="G31" s="18" t="s">
        <v>60</v>
      </c>
      <c r="H31" s="17"/>
      <c r="I31" s="13">
        <v>994</v>
      </c>
      <c r="J31" s="19">
        <v>516</v>
      </c>
      <c r="K31" s="19">
        <v>478</v>
      </c>
    </row>
    <row r="32" spans="1:11" ht="15" customHeight="1">
      <c r="A32" s="17" t="s">
        <v>61</v>
      </c>
      <c r="B32" s="17"/>
      <c r="C32" s="13">
        <v>993</v>
      </c>
      <c r="D32" s="19">
        <v>493</v>
      </c>
      <c r="E32" s="19">
        <v>500</v>
      </c>
      <c r="F32" s="19"/>
      <c r="G32" s="18" t="s">
        <v>62</v>
      </c>
      <c r="H32" s="17"/>
      <c r="I32" s="13">
        <v>1118</v>
      </c>
      <c r="J32" s="19">
        <v>558</v>
      </c>
      <c r="K32" s="19">
        <v>560</v>
      </c>
    </row>
    <row r="33" spans="1:11" ht="15" customHeight="1">
      <c r="A33" s="17" t="s">
        <v>63</v>
      </c>
      <c r="B33" s="17"/>
      <c r="C33" s="13">
        <v>1273</v>
      </c>
      <c r="D33" s="19">
        <v>639</v>
      </c>
      <c r="E33" s="19">
        <v>634</v>
      </c>
      <c r="F33" s="19"/>
      <c r="G33" s="18" t="s">
        <v>64</v>
      </c>
      <c r="H33" s="17"/>
      <c r="I33" s="13">
        <v>1162</v>
      </c>
      <c r="J33" s="19">
        <v>540</v>
      </c>
      <c r="K33" s="19">
        <v>622</v>
      </c>
    </row>
    <row r="34" spans="1:11" ht="15" customHeight="1">
      <c r="A34" s="17" t="s">
        <v>65</v>
      </c>
      <c r="B34" s="17"/>
      <c r="C34" s="13">
        <v>1460</v>
      </c>
      <c r="D34" s="19">
        <v>752</v>
      </c>
      <c r="E34" s="19">
        <v>708</v>
      </c>
      <c r="F34" s="19"/>
      <c r="G34" s="18" t="s">
        <v>66</v>
      </c>
      <c r="H34" s="17"/>
      <c r="I34" s="13">
        <v>1145</v>
      </c>
      <c r="J34" s="19">
        <v>513</v>
      </c>
      <c r="K34" s="19">
        <v>632</v>
      </c>
    </row>
    <row r="35" spans="1:11" ht="20.100000000000001" customHeight="1">
      <c r="A35" s="17" t="s">
        <v>67</v>
      </c>
      <c r="B35" s="17"/>
      <c r="C35" s="13">
        <v>7669</v>
      </c>
      <c r="D35" s="14">
        <v>4032</v>
      </c>
      <c r="E35" s="14">
        <v>3637</v>
      </c>
      <c r="F35" s="14"/>
      <c r="G35" s="18" t="s">
        <v>68</v>
      </c>
      <c r="H35" s="17"/>
      <c r="I35" s="13">
        <v>3610</v>
      </c>
      <c r="J35" s="14">
        <v>1614</v>
      </c>
      <c r="K35" s="14">
        <v>1996</v>
      </c>
    </row>
    <row r="36" spans="1:11" ht="15" customHeight="1">
      <c r="A36" s="17" t="s">
        <v>69</v>
      </c>
      <c r="B36" s="17"/>
      <c r="C36" s="13">
        <v>1496</v>
      </c>
      <c r="D36" s="19">
        <v>771</v>
      </c>
      <c r="E36" s="19">
        <v>725</v>
      </c>
      <c r="F36" s="19"/>
      <c r="G36" s="18" t="s">
        <v>70</v>
      </c>
      <c r="H36" s="17"/>
      <c r="I36" s="13">
        <v>711</v>
      </c>
      <c r="J36" s="19">
        <v>338</v>
      </c>
      <c r="K36" s="19">
        <v>373</v>
      </c>
    </row>
    <row r="37" spans="1:11" ht="15" customHeight="1">
      <c r="A37" s="17" t="s">
        <v>71</v>
      </c>
      <c r="B37" s="17"/>
      <c r="C37" s="13">
        <v>1567</v>
      </c>
      <c r="D37" s="19">
        <v>817</v>
      </c>
      <c r="E37" s="19">
        <v>750</v>
      </c>
      <c r="F37" s="19"/>
      <c r="G37" s="18" t="s">
        <v>72</v>
      </c>
      <c r="H37" s="17"/>
      <c r="I37" s="13">
        <v>623</v>
      </c>
      <c r="J37" s="19">
        <v>281</v>
      </c>
      <c r="K37" s="19">
        <v>342</v>
      </c>
    </row>
    <row r="38" spans="1:11" ht="15" customHeight="1">
      <c r="A38" s="17" t="s">
        <v>73</v>
      </c>
      <c r="B38" s="17"/>
      <c r="C38" s="13">
        <v>1585</v>
      </c>
      <c r="D38" s="19">
        <v>842</v>
      </c>
      <c r="E38" s="19">
        <v>743</v>
      </c>
      <c r="F38" s="19"/>
      <c r="G38" s="18" t="s">
        <v>74</v>
      </c>
      <c r="H38" s="17"/>
      <c r="I38" s="13">
        <v>819</v>
      </c>
      <c r="J38" s="19">
        <v>341</v>
      </c>
      <c r="K38" s="19">
        <v>478</v>
      </c>
    </row>
    <row r="39" spans="1:11" ht="15" customHeight="1">
      <c r="A39" s="17" t="s">
        <v>75</v>
      </c>
      <c r="B39" s="17"/>
      <c r="C39" s="13">
        <v>1497</v>
      </c>
      <c r="D39" s="19">
        <v>797</v>
      </c>
      <c r="E39" s="19">
        <v>700</v>
      </c>
      <c r="F39" s="19"/>
      <c r="G39" s="18" t="s">
        <v>76</v>
      </c>
      <c r="H39" s="17"/>
      <c r="I39" s="13">
        <v>749</v>
      </c>
      <c r="J39" s="19">
        <v>344</v>
      </c>
      <c r="K39" s="19">
        <v>405</v>
      </c>
    </row>
    <row r="40" spans="1:11" ht="15" customHeight="1">
      <c r="A40" s="17" t="s">
        <v>77</v>
      </c>
      <c r="B40" s="17"/>
      <c r="C40" s="13">
        <v>1524</v>
      </c>
      <c r="D40" s="19">
        <v>805</v>
      </c>
      <c r="E40" s="19">
        <v>719</v>
      </c>
      <c r="F40" s="19"/>
      <c r="G40" s="18" t="s">
        <v>78</v>
      </c>
      <c r="H40" s="17"/>
      <c r="I40" s="13">
        <v>708</v>
      </c>
      <c r="J40" s="19">
        <v>310</v>
      </c>
      <c r="K40" s="19">
        <v>398</v>
      </c>
    </row>
    <row r="41" spans="1:11" ht="20.100000000000001" customHeight="1">
      <c r="A41" s="17" t="s">
        <v>79</v>
      </c>
      <c r="B41" s="17"/>
      <c r="C41" s="13">
        <v>7506</v>
      </c>
      <c r="D41" s="14">
        <v>3855</v>
      </c>
      <c r="E41" s="14">
        <v>3651</v>
      </c>
      <c r="F41" s="14"/>
      <c r="G41" s="18" t="s">
        <v>80</v>
      </c>
      <c r="H41" s="17"/>
      <c r="I41" s="13">
        <v>2916</v>
      </c>
      <c r="J41" s="14">
        <v>1147</v>
      </c>
      <c r="K41" s="14">
        <v>1769</v>
      </c>
    </row>
    <row r="42" spans="1:11" ht="15" customHeight="1">
      <c r="A42" s="17" t="s">
        <v>81</v>
      </c>
      <c r="B42" s="17"/>
      <c r="C42" s="13">
        <v>1497</v>
      </c>
      <c r="D42" s="19">
        <v>781</v>
      </c>
      <c r="E42" s="19">
        <v>716</v>
      </c>
      <c r="F42" s="19"/>
      <c r="G42" s="18" t="s">
        <v>82</v>
      </c>
      <c r="H42" s="17"/>
      <c r="I42" s="13">
        <v>693</v>
      </c>
      <c r="J42" s="19">
        <v>285</v>
      </c>
      <c r="K42" s="19">
        <v>408</v>
      </c>
    </row>
    <row r="43" spans="1:11" ht="15" customHeight="1">
      <c r="A43" s="17" t="s">
        <v>83</v>
      </c>
      <c r="B43" s="17"/>
      <c r="C43" s="13">
        <v>1548</v>
      </c>
      <c r="D43" s="19">
        <v>791</v>
      </c>
      <c r="E43" s="19">
        <v>757</v>
      </c>
      <c r="F43" s="19"/>
      <c r="G43" s="18" t="s">
        <v>84</v>
      </c>
      <c r="H43" s="17"/>
      <c r="I43" s="13">
        <v>669</v>
      </c>
      <c r="J43" s="19">
        <v>254</v>
      </c>
      <c r="K43" s="19">
        <v>415</v>
      </c>
    </row>
    <row r="44" spans="1:11" ht="15" customHeight="1">
      <c r="A44" s="17" t="s">
        <v>85</v>
      </c>
      <c r="B44" s="17"/>
      <c r="C44" s="13">
        <v>1434</v>
      </c>
      <c r="D44" s="19">
        <v>705</v>
      </c>
      <c r="E44" s="19">
        <v>729</v>
      </c>
      <c r="F44" s="19"/>
      <c r="G44" s="18" t="s">
        <v>86</v>
      </c>
      <c r="H44" s="17"/>
      <c r="I44" s="13">
        <v>532</v>
      </c>
      <c r="J44" s="19">
        <v>222</v>
      </c>
      <c r="K44" s="19">
        <v>310</v>
      </c>
    </row>
    <row r="45" spans="1:11" ht="15" customHeight="1">
      <c r="A45" s="17" t="s">
        <v>87</v>
      </c>
      <c r="B45" s="17"/>
      <c r="C45" s="13">
        <v>1517</v>
      </c>
      <c r="D45" s="19">
        <v>767</v>
      </c>
      <c r="E45" s="19">
        <v>750</v>
      </c>
      <c r="F45" s="19"/>
      <c r="G45" s="18" t="s">
        <v>88</v>
      </c>
      <c r="H45" s="17"/>
      <c r="I45" s="13">
        <v>495</v>
      </c>
      <c r="J45" s="19">
        <v>190</v>
      </c>
      <c r="K45" s="19">
        <v>305</v>
      </c>
    </row>
    <row r="46" spans="1:11" ht="15" customHeight="1">
      <c r="A46" s="17" t="s">
        <v>89</v>
      </c>
      <c r="B46" s="17"/>
      <c r="C46" s="13">
        <v>1510</v>
      </c>
      <c r="D46" s="19">
        <v>811</v>
      </c>
      <c r="E46" s="19">
        <v>699</v>
      </c>
      <c r="F46" s="19"/>
      <c r="G46" s="18" t="s">
        <v>90</v>
      </c>
      <c r="H46" s="17"/>
      <c r="I46" s="13">
        <v>527</v>
      </c>
      <c r="J46" s="19">
        <v>196</v>
      </c>
      <c r="K46" s="19">
        <v>331</v>
      </c>
    </row>
    <row r="47" spans="1:11" ht="20.100000000000001" customHeight="1">
      <c r="A47" s="17" t="s">
        <v>91</v>
      </c>
      <c r="B47" s="17"/>
      <c r="C47" s="13">
        <v>8009</v>
      </c>
      <c r="D47" s="14">
        <v>4183</v>
      </c>
      <c r="E47" s="14">
        <v>3826</v>
      </c>
      <c r="F47" s="14"/>
      <c r="G47" s="18" t="s">
        <v>92</v>
      </c>
      <c r="H47" s="17"/>
      <c r="I47" s="13">
        <v>2166</v>
      </c>
      <c r="J47" s="14">
        <v>764</v>
      </c>
      <c r="K47" s="14">
        <v>1402</v>
      </c>
    </row>
    <row r="48" spans="1:11" ht="15" customHeight="1">
      <c r="A48" s="17" t="s">
        <v>93</v>
      </c>
      <c r="B48" s="17"/>
      <c r="C48" s="13">
        <v>1556</v>
      </c>
      <c r="D48" s="19">
        <v>815</v>
      </c>
      <c r="E48" s="19">
        <v>741</v>
      </c>
      <c r="F48" s="19"/>
      <c r="G48" s="18" t="s">
        <v>94</v>
      </c>
      <c r="H48" s="17"/>
      <c r="I48" s="13">
        <v>489</v>
      </c>
      <c r="J48" s="19">
        <v>181</v>
      </c>
      <c r="K48" s="19">
        <v>308</v>
      </c>
    </row>
    <row r="49" spans="1:11" ht="15" customHeight="1">
      <c r="A49" s="17" t="s">
        <v>95</v>
      </c>
      <c r="B49" s="17"/>
      <c r="C49" s="13">
        <v>1590</v>
      </c>
      <c r="D49" s="19">
        <v>818</v>
      </c>
      <c r="E49" s="19">
        <v>772</v>
      </c>
      <c r="F49" s="19"/>
      <c r="G49" s="18" t="s">
        <v>96</v>
      </c>
      <c r="H49" s="17"/>
      <c r="I49" s="13">
        <v>509</v>
      </c>
      <c r="J49" s="19">
        <v>184</v>
      </c>
      <c r="K49" s="19">
        <v>325</v>
      </c>
    </row>
    <row r="50" spans="1:11" ht="15" customHeight="1">
      <c r="A50" s="17" t="s">
        <v>97</v>
      </c>
      <c r="B50" s="17"/>
      <c r="C50" s="13">
        <v>1632</v>
      </c>
      <c r="D50" s="19">
        <v>903</v>
      </c>
      <c r="E50" s="19">
        <v>729</v>
      </c>
      <c r="F50" s="19"/>
      <c r="G50" s="18" t="s">
        <v>98</v>
      </c>
      <c r="H50" s="17"/>
      <c r="I50" s="13">
        <v>442</v>
      </c>
      <c r="J50" s="19">
        <v>150</v>
      </c>
      <c r="K50" s="19">
        <v>292</v>
      </c>
    </row>
    <row r="51" spans="1:11" ht="15" customHeight="1">
      <c r="A51" s="17" t="s">
        <v>99</v>
      </c>
      <c r="B51" s="17"/>
      <c r="C51" s="13">
        <v>1609</v>
      </c>
      <c r="D51" s="19">
        <v>845</v>
      </c>
      <c r="E51" s="19">
        <v>764</v>
      </c>
      <c r="F51" s="19"/>
      <c r="G51" s="18" t="s">
        <v>100</v>
      </c>
      <c r="H51" s="17"/>
      <c r="I51" s="13">
        <v>372</v>
      </c>
      <c r="J51" s="19">
        <v>123</v>
      </c>
      <c r="K51" s="19">
        <v>249</v>
      </c>
    </row>
    <row r="52" spans="1:11" ht="15" customHeight="1">
      <c r="A52" s="17" t="s">
        <v>101</v>
      </c>
      <c r="B52" s="17"/>
      <c r="C52" s="13">
        <v>1622</v>
      </c>
      <c r="D52" s="19">
        <v>802</v>
      </c>
      <c r="E52" s="19">
        <v>820</v>
      </c>
      <c r="F52" s="19"/>
      <c r="G52" s="18" t="s">
        <v>102</v>
      </c>
      <c r="H52" s="17"/>
      <c r="I52" s="13">
        <v>354</v>
      </c>
      <c r="J52" s="19">
        <v>126</v>
      </c>
      <c r="K52" s="19">
        <v>228</v>
      </c>
    </row>
    <row r="53" spans="1:11" ht="20.100000000000001" customHeight="1">
      <c r="A53" s="17" t="s">
        <v>103</v>
      </c>
      <c r="B53" s="17"/>
      <c r="C53" s="13">
        <v>8176</v>
      </c>
      <c r="D53" s="14">
        <v>4215</v>
      </c>
      <c r="E53" s="14">
        <v>3961</v>
      </c>
      <c r="F53" s="14"/>
      <c r="G53" s="18" t="s">
        <v>104</v>
      </c>
      <c r="H53" s="17"/>
      <c r="I53" s="13">
        <v>1013</v>
      </c>
      <c r="J53" s="14">
        <v>302</v>
      </c>
      <c r="K53" s="14">
        <v>711</v>
      </c>
    </row>
    <row r="54" spans="1:11" ht="15" customHeight="1">
      <c r="A54" s="17" t="s">
        <v>105</v>
      </c>
      <c r="B54" s="17"/>
      <c r="C54" s="13">
        <v>1606</v>
      </c>
      <c r="D54" s="19">
        <v>836</v>
      </c>
      <c r="E54" s="19">
        <v>770</v>
      </c>
      <c r="F54" s="19"/>
      <c r="G54" s="18" t="s">
        <v>106</v>
      </c>
      <c r="H54" s="17"/>
      <c r="I54" s="13">
        <v>293</v>
      </c>
      <c r="J54" s="19">
        <v>88</v>
      </c>
      <c r="K54" s="19">
        <v>205</v>
      </c>
    </row>
    <row r="55" spans="1:11" ht="15" customHeight="1">
      <c r="A55" s="17" t="s">
        <v>107</v>
      </c>
      <c r="B55" s="17"/>
      <c r="C55" s="13">
        <v>1634</v>
      </c>
      <c r="D55" s="19">
        <v>844</v>
      </c>
      <c r="E55" s="19">
        <v>790</v>
      </c>
      <c r="F55" s="19"/>
      <c r="G55" s="18" t="s">
        <v>108</v>
      </c>
      <c r="H55" s="17"/>
      <c r="I55" s="13">
        <v>251</v>
      </c>
      <c r="J55" s="19">
        <v>71</v>
      </c>
      <c r="K55" s="19">
        <v>180</v>
      </c>
    </row>
    <row r="56" spans="1:11" ht="15" customHeight="1">
      <c r="A56" s="17" t="s">
        <v>109</v>
      </c>
      <c r="B56" s="17"/>
      <c r="C56" s="13">
        <v>1589</v>
      </c>
      <c r="D56" s="19">
        <v>831</v>
      </c>
      <c r="E56" s="19">
        <v>758</v>
      </c>
      <c r="F56" s="19"/>
      <c r="G56" s="18" t="s">
        <v>110</v>
      </c>
      <c r="H56" s="17"/>
      <c r="I56" s="13">
        <v>205</v>
      </c>
      <c r="J56" s="19">
        <v>75</v>
      </c>
      <c r="K56" s="19">
        <v>130</v>
      </c>
    </row>
    <row r="57" spans="1:11" ht="15" customHeight="1">
      <c r="A57" s="17" t="s">
        <v>111</v>
      </c>
      <c r="B57" s="17"/>
      <c r="C57" s="13">
        <v>1693</v>
      </c>
      <c r="D57" s="19">
        <v>871</v>
      </c>
      <c r="E57" s="19">
        <v>822</v>
      </c>
      <c r="F57" s="19"/>
      <c r="G57" s="18" t="s">
        <v>112</v>
      </c>
      <c r="H57" s="17"/>
      <c r="I57" s="13">
        <v>142</v>
      </c>
      <c r="J57" s="19">
        <v>39</v>
      </c>
      <c r="K57" s="19">
        <v>103</v>
      </c>
    </row>
    <row r="58" spans="1:11" ht="15" customHeight="1">
      <c r="A58" s="17" t="s">
        <v>113</v>
      </c>
      <c r="B58" s="17"/>
      <c r="C58" s="13">
        <v>1654</v>
      </c>
      <c r="D58" s="19">
        <v>833</v>
      </c>
      <c r="E58" s="19">
        <v>821</v>
      </c>
      <c r="F58" s="19"/>
      <c r="G58" s="18" t="s">
        <v>114</v>
      </c>
      <c r="H58" s="17"/>
      <c r="I58" s="13">
        <v>122</v>
      </c>
      <c r="J58" s="19">
        <v>29</v>
      </c>
      <c r="K58" s="19">
        <v>93</v>
      </c>
    </row>
    <row r="59" spans="1:11" ht="20.100000000000001" customHeight="1">
      <c r="A59" s="17" t="s">
        <v>115</v>
      </c>
      <c r="B59" s="17"/>
      <c r="C59" s="13">
        <v>9340</v>
      </c>
      <c r="D59" s="14">
        <v>4754</v>
      </c>
      <c r="E59" s="14">
        <v>4586</v>
      </c>
      <c r="F59" s="14"/>
      <c r="G59" s="18" t="s">
        <v>116</v>
      </c>
      <c r="H59" s="17"/>
      <c r="I59" s="13">
        <v>250</v>
      </c>
      <c r="J59" s="14">
        <v>48</v>
      </c>
      <c r="K59" s="14">
        <v>202</v>
      </c>
    </row>
    <row r="60" spans="1:11" ht="15" customHeight="1">
      <c r="A60" s="17" t="s">
        <v>117</v>
      </c>
      <c r="B60" s="17"/>
      <c r="C60" s="13">
        <v>1759</v>
      </c>
      <c r="D60" s="19">
        <v>917</v>
      </c>
      <c r="E60" s="19">
        <v>842</v>
      </c>
      <c r="F60" s="19"/>
      <c r="G60" s="18" t="s">
        <v>118</v>
      </c>
      <c r="H60" s="17"/>
      <c r="I60" s="13">
        <v>83</v>
      </c>
      <c r="J60" s="19">
        <v>16</v>
      </c>
      <c r="K60" s="19">
        <v>67</v>
      </c>
    </row>
    <row r="61" spans="1:11" ht="15" customHeight="1">
      <c r="A61" s="17" t="s">
        <v>119</v>
      </c>
      <c r="B61" s="17"/>
      <c r="C61" s="13">
        <v>1857</v>
      </c>
      <c r="D61" s="19">
        <v>949</v>
      </c>
      <c r="E61" s="19">
        <v>908</v>
      </c>
      <c r="F61" s="19"/>
      <c r="G61" s="18" t="s">
        <v>120</v>
      </c>
      <c r="H61" s="17"/>
      <c r="I61" s="13">
        <v>85</v>
      </c>
      <c r="J61" s="19">
        <v>15</v>
      </c>
      <c r="K61" s="19">
        <v>70</v>
      </c>
    </row>
    <row r="62" spans="1:11" ht="15" customHeight="1">
      <c r="A62" s="17" t="s">
        <v>121</v>
      </c>
      <c r="B62" s="17"/>
      <c r="C62" s="13">
        <v>1955</v>
      </c>
      <c r="D62" s="19">
        <v>992</v>
      </c>
      <c r="E62" s="19">
        <v>963</v>
      </c>
      <c r="F62" s="19"/>
      <c r="G62" s="18" t="s">
        <v>122</v>
      </c>
      <c r="H62" s="17"/>
      <c r="I62" s="13">
        <v>44</v>
      </c>
      <c r="J62" s="19">
        <v>6</v>
      </c>
      <c r="K62" s="19">
        <v>38</v>
      </c>
    </row>
    <row r="63" spans="1:11" ht="15" customHeight="1">
      <c r="A63" s="17" t="s">
        <v>123</v>
      </c>
      <c r="B63" s="17"/>
      <c r="C63" s="13">
        <v>1872</v>
      </c>
      <c r="D63" s="19">
        <v>951</v>
      </c>
      <c r="E63" s="19">
        <v>921</v>
      </c>
      <c r="F63" s="19"/>
      <c r="G63" s="18" t="s">
        <v>124</v>
      </c>
      <c r="H63" s="17"/>
      <c r="I63" s="13">
        <v>21</v>
      </c>
      <c r="J63" s="19">
        <v>7</v>
      </c>
      <c r="K63" s="19">
        <v>14</v>
      </c>
    </row>
    <row r="64" spans="1:11" ht="15" customHeight="1">
      <c r="A64" s="17" t="s">
        <v>125</v>
      </c>
      <c r="B64" s="17"/>
      <c r="C64" s="13">
        <v>1897</v>
      </c>
      <c r="D64" s="19">
        <v>945</v>
      </c>
      <c r="E64" s="19">
        <v>952</v>
      </c>
      <c r="F64" s="19"/>
      <c r="G64" s="18" t="s">
        <v>126</v>
      </c>
      <c r="H64" s="17"/>
      <c r="I64" s="13">
        <v>17</v>
      </c>
      <c r="J64" s="19">
        <v>4</v>
      </c>
      <c r="K64" s="19">
        <v>13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31</v>
      </c>
      <c r="J65" s="19">
        <v>0</v>
      </c>
      <c r="K65" s="19">
        <v>31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2734</v>
      </c>
      <c r="J66" s="27">
        <v>1860</v>
      </c>
      <c r="K66" s="27">
        <v>874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38" t="s">
        <v>169</v>
      </c>
      <c r="B2" s="38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43835</v>
      </c>
      <c r="D4" s="14">
        <v>118155</v>
      </c>
      <c r="E4" s="14">
        <v>12568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784</v>
      </c>
      <c r="D5" s="14">
        <v>4468</v>
      </c>
      <c r="E5" s="14">
        <v>4316</v>
      </c>
      <c r="F5" s="14"/>
      <c r="G5" s="18" t="s">
        <v>8</v>
      </c>
      <c r="H5" s="17"/>
      <c r="I5" s="13">
        <v>20542</v>
      </c>
      <c r="J5" s="14">
        <v>10442</v>
      </c>
      <c r="K5" s="14">
        <v>10100</v>
      </c>
    </row>
    <row r="6" spans="1:11" ht="15" customHeight="1">
      <c r="A6" s="17" t="s">
        <v>9</v>
      </c>
      <c r="B6" s="17"/>
      <c r="C6" s="13">
        <v>1591</v>
      </c>
      <c r="D6" s="19">
        <v>800</v>
      </c>
      <c r="E6" s="19">
        <v>791</v>
      </c>
      <c r="F6" s="19"/>
      <c r="G6" s="18" t="s">
        <v>10</v>
      </c>
      <c r="H6" s="17"/>
      <c r="I6" s="13">
        <v>4237</v>
      </c>
      <c r="J6" s="19">
        <v>2142</v>
      </c>
      <c r="K6" s="19">
        <v>2095</v>
      </c>
    </row>
    <row r="7" spans="1:11" ht="15" customHeight="1">
      <c r="A7" s="17" t="s">
        <v>11</v>
      </c>
      <c r="B7" s="17"/>
      <c r="C7" s="13">
        <v>1616</v>
      </c>
      <c r="D7" s="19">
        <v>796</v>
      </c>
      <c r="E7" s="19">
        <v>820</v>
      </c>
      <c r="F7" s="19"/>
      <c r="G7" s="18" t="s">
        <v>12</v>
      </c>
      <c r="H7" s="17"/>
      <c r="I7" s="13">
        <v>4129</v>
      </c>
      <c r="J7" s="19">
        <v>2092</v>
      </c>
      <c r="K7" s="19">
        <v>2037</v>
      </c>
    </row>
    <row r="8" spans="1:11" ht="15" customHeight="1">
      <c r="A8" s="17" t="s">
        <v>13</v>
      </c>
      <c r="B8" s="17"/>
      <c r="C8" s="13">
        <v>1733</v>
      </c>
      <c r="D8" s="19">
        <v>916</v>
      </c>
      <c r="E8" s="19">
        <v>817</v>
      </c>
      <c r="F8" s="19"/>
      <c r="G8" s="18" t="s">
        <v>14</v>
      </c>
      <c r="H8" s="17"/>
      <c r="I8" s="13">
        <v>4192</v>
      </c>
      <c r="J8" s="19">
        <v>2100</v>
      </c>
      <c r="K8" s="19">
        <v>2092</v>
      </c>
    </row>
    <row r="9" spans="1:11" ht="15" customHeight="1">
      <c r="A9" s="17" t="s">
        <v>15</v>
      </c>
      <c r="B9" s="17"/>
      <c r="C9" s="13">
        <v>1911</v>
      </c>
      <c r="D9" s="19">
        <v>982</v>
      </c>
      <c r="E9" s="19">
        <v>929</v>
      </c>
      <c r="F9" s="19"/>
      <c r="G9" s="18" t="s">
        <v>16</v>
      </c>
      <c r="H9" s="17"/>
      <c r="I9" s="13">
        <v>3976</v>
      </c>
      <c r="J9" s="19">
        <v>2044</v>
      </c>
      <c r="K9" s="19">
        <v>1932</v>
      </c>
    </row>
    <row r="10" spans="1:11" ht="15" customHeight="1">
      <c r="A10" s="17" t="s">
        <v>17</v>
      </c>
      <c r="B10" s="17"/>
      <c r="C10" s="13">
        <v>1933</v>
      </c>
      <c r="D10" s="19">
        <v>974</v>
      </c>
      <c r="E10" s="19">
        <v>959</v>
      </c>
      <c r="F10" s="19"/>
      <c r="G10" s="18" t="s">
        <v>18</v>
      </c>
      <c r="H10" s="17"/>
      <c r="I10" s="13">
        <v>4008</v>
      </c>
      <c r="J10" s="19">
        <v>2064</v>
      </c>
      <c r="K10" s="19">
        <v>1944</v>
      </c>
    </row>
    <row r="11" spans="1:11" ht="20.100000000000001" customHeight="1">
      <c r="A11" s="17" t="s">
        <v>19</v>
      </c>
      <c r="B11" s="17"/>
      <c r="C11" s="13">
        <v>10645</v>
      </c>
      <c r="D11" s="14">
        <v>5457</v>
      </c>
      <c r="E11" s="14">
        <v>5188</v>
      </c>
      <c r="F11" s="14"/>
      <c r="G11" s="18" t="s">
        <v>20</v>
      </c>
      <c r="H11" s="17"/>
      <c r="I11" s="13">
        <v>16108</v>
      </c>
      <c r="J11" s="14">
        <v>8237</v>
      </c>
      <c r="K11" s="14">
        <v>7871</v>
      </c>
    </row>
    <row r="12" spans="1:11" ht="15" customHeight="1">
      <c r="A12" s="17" t="s">
        <v>21</v>
      </c>
      <c r="B12" s="17"/>
      <c r="C12" s="13">
        <v>2071</v>
      </c>
      <c r="D12" s="19">
        <v>1049</v>
      </c>
      <c r="E12" s="19">
        <v>1022</v>
      </c>
      <c r="F12" s="19"/>
      <c r="G12" s="18" t="s">
        <v>22</v>
      </c>
      <c r="H12" s="17"/>
      <c r="I12" s="13">
        <v>2825</v>
      </c>
      <c r="J12" s="19">
        <v>1427</v>
      </c>
      <c r="K12" s="19">
        <v>1398</v>
      </c>
    </row>
    <row r="13" spans="1:11" ht="15" customHeight="1">
      <c r="A13" s="17" t="s">
        <v>23</v>
      </c>
      <c r="B13" s="17"/>
      <c r="C13" s="13">
        <v>2068</v>
      </c>
      <c r="D13" s="19">
        <v>1038</v>
      </c>
      <c r="E13" s="19">
        <v>1030</v>
      </c>
      <c r="F13" s="19"/>
      <c r="G13" s="18" t="s">
        <v>24</v>
      </c>
      <c r="H13" s="17"/>
      <c r="I13" s="13">
        <v>3755</v>
      </c>
      <c r="J13" s="19">
        <v>1910</v>
      </c>
      <c r="K13" s="19">
        <v>1845</v>
      </c>
    </row>
    <row r="14" spans="1:11" ht="15" customHeight="1">
      <c r="A14" s="17" t="s">
        <v>25</v>
      </c>
      <c r="B14" s="17"/>
      <c r="C14" s="13">
        <v>2104</v>
      </c>
      <c r="D14" s="19">
        <v>1091</v>
      </c>
      <c r="E14" s="19">
        <v>1013</v>
      </c>
      <c r="F14" s="19"/>
      <c r="G14" s="18" t="s">
        <v>26</v>
      </c>
      <c r="H14" s="17"/>
      <c r="I14" s="13">
        <v>3453</v>
      </c>
      <c r="J14" s="19">
        <v>1778</v>
      </c>
      <c r="K14" s="19">
        <v>1675</v>
      </c>
    </row>
    <row r="15" spans="1:11" ht="15" customHeight="1">
      <c r="A15" s="17" t="s">
        <v>27</v>
      </c>
      <c r="B15" s="17"/>
      <c r="C15" s="13">
        <v>2249</v>
      </c>
      <c r="D15" s="19">
        <v>1182</v>
      </c>
      <c r="E15" s="19">
        <v>1067</v>
      </c>
      <c r="F15" s="19"/>
      <c r="G15" s="18" t="s">
        <v>28</v>
      </c>
      <c r="H15" s="17"/>
      <c r="I15" s="13">
        <v>3165</v>
      </c>
      <c r="J15" s="19">
        <v>1633</v>
      </c>
      <c r="K15" s="19">
        <v>1532</v>
      </c>
    </row>
    <row r="16" spans="1:11" ht="15" customHeight="1">
      <c r="A16" s="17" t="s">
        <v>29</v>
      </c>
      <c r="B16" s="17"/>
      <c r="C16" s="13">
        <v>2153</v>
      </c>
      <c r="D16" s="19">
        <v>1097</v>
      </c>
      <c r="E16" s="19">
        <v>1056</v>
      </c>
      <c r="F16" s="19"/>
      <c r="G16" s="18" t="s">
        <v>30</v>
      </c>
      <c r="H16" s="17"/>
      <c r="I16" s="13">
        <v>2910</v>
      </c>
      <c r="J16" s="19">
        <v>1489</v>
      </c>
      <c r="K16" s="19">
        <v>1421</v>
      </c>
    </row>
    <row r="17" spans="1:11" ht="20.100000000000001" customHeight="1">
      <c r="A17" s="20" t="s">
        <v>31</v>
      </c>
      <c r="B17" s="20"/>
      <c r="C17" s="13">
        <v>11386</v>
      </c>
      <c r="D17" s="14">
        <v>5747</v>
      </c>
      <c r="E17" s="14">
        <v>5639</v>
      </c>
      <c r="F17" s="14"/>
      <c r="G17" s="18" t="s">
        <v>32</v>
      </c>
      <c r="H17" s="17"/>
      <c r="I17" s="13">
        <v>13478</v>
      </c>
      <c r="J17" s="14">
        <v>6746</v>
      </c>
      <c r="K17" s="14">
        <v>6732</v>
      </c>
    </row>
    <row r="18" spans="1:11" ht="15" customHeight="1">
      <c r="A18" s="17" t="s">
        <v>33</v>
      </c>
      <c r="B18" s="17"/>
      <c r="C18" s="13">
        <v>2274</v>
      </c>
      <c r="D18" s="19">
        <v>1163</v>
      </c>
      <c r="E18" s="19">
        <v>1111</v>
      </c>
      <c r="F18" s="19"/>
      <c r="G18" s="18" t="s">
        <v>34</v>
      </c>
      <c r="H18" s="17"/>
      <c r="I18" s="13">
        <v>2927</v>
      </c>
      <c r="J18" s="19">
        <v>1471</v>
      </c>
      <c r="K18" s="19">
        <v>1456</v>
      </c>
    </row>
    <row r="19" spans="1:11" ht="15" customHeight="1">
      <c r="A19" s="17" t="s">
        <v>35</v>
      </c>
      <c r="B19" s="17"/>
      <c r="C19" s="13">
        <v>2237</v>
      </c>
      <c r="D19" s="19">
        <v>1128</v>
      </c>
      <c r="E19" s="19">
        <v>1109</v>
      </c>
      <c r="F19" s="19"/>
      <c r="G19" s="18" t="s">
        <v>36</v>
      </c>
      <c r="H19" s="17"/>
      <c r="I19" s="13">
        <v>2737</v>
      </c>
      <c r="J19" s="19">
        <v>1376</v>
      </c>
      <c r="K19" s="19">
        <v>1361</v>
      </c>
    </row>
    <row r="20" spans="1:11" ht="15" customHeight="1">
      <c r="A20" s="17" t="s">
        <v>37</v>
      </c>
      <c r="B20" s="17"/>
      <c r="C20" s="13">
        <v>2216</v>
      </c>
      <c r="D20" s="19">
        <v>1088</v>
      </c>
      <c r="E20" s="19">
        <v>1128</v>
      </c>
      <c r="F20" s="19"/>
      <c r="G20" s="18" t="s">
        <v>38</v>
      </c>
      <c r="H20" s="17"/>
      <c r="I20" s="13">
        <v>2673</v>
      </c>
      <c r="J20" s="19">
        <v>1321</v>
      </c>
      <c r="K20" s="19">
        <v>1352</v>
      </c>
    </row>
    <row r="21" spans="1:11" ht="15" customHeight="1">
      <c r="A21" s="17" t="s">
        <v>39</v>
      </c>
      <c r="B21" s="17"/>
      <c r="C21" s="13">
        <v>2301</v>
      </c>
      <c r="D21" s="19">
        <v>1187</v>
      </c>
      <c r="E21" s="19">
        <v>1114</v>
      </c>
      <c r="F21" s="19"/>
      <c r="G21" s="18" t="s">
        <v>40</v>
      </c>
      <c r="H21" s="17"/>
      <c r="I21" s="13">
        <v>2720</v>
      </c>
      <c r="J21" s="19">
        <v>1357</v>
      </c>
      <c r="K21" s="19">
        <v>1363</v>
      </c>
    </row>
    <row r="22" spans="1:11" ht="15" customHeight="1">
      <c r="A22" s="17" t="s">
        <v>41</v>
      </c>
      <c r="B22" s="17"/>
      <c r="C22" s="13">
        <v>2358</v>
      </c>
      <c r="D22" s="19">
        <v>1181</v>
      </c>
      <c r="E22" s="19">
        <v>1177</v>
      </c>
      <c r="F22" s="19"/>
      <c r="G22" s="18" t="s">
        <v>42</v>
      </c>
      <c r="H22" s="17"/>
      <c r="I22" s="13">
        <v>2421</v>
      </c>
      <c r="J22" s="19">
        <v>1221</v>
      </c>
      <c r="K22" s="19">
        <v>1200</v>
      </c>
    </row>
    <row r="23" spans="1:11" ht="20.100000000000001" customHeight="1">
      <c r="A23" s="17" t="s">
        <v>43</v>
      </c>
      <c r="B23" s="17"/>
      <c r="C23" s="13">
        <v>11269</v>
      </c>
      <c r="D23" s="14">
        <v>5688</v>
      </c>
      <c r="E23" s="14">
        <v>5581</v>
      </c>
      <c r="F23" s="14"/>
      <c r="G23" s="18" t="s">
        <v>44</v>
      </c>
      <c r="H23" s="17"/>
      <c r="I23" s="13">
        <v>13111</v>
      </c>
      <c r="J23" s="14">
        <v>6324</v>
      </c>
      <c r="K23" s="14">
        <v>6787</v>
      </c>
    </row>
    <row r="24" spans="1:11" ht="15" customHeight="1">
      <c r="A24" s="17" t="s">
        <v>45</v>
      </c>
      <c r="B24" s="17"/>
      <c r="C24" s="13">
        <v>2202</v>
      </c>
      <c r="D24" s="19">
        <v>1154</v>
      </c>
      <c r="E24" s="19">
        <v>1048</v>
      </c>
      <c r="F24" s="19"/>
      <c r="G24" s="18" t="s">
        <v>46</v>
      </c>
      <c r="H24" s="17"/>
      <c r="I24" s="13">
        <v>2539</v>
      </c>
      <c r="J24" s="19">
        <v>1220</v>
      </c>
      <c r="K24" s="19">
        <v>1319</v>
      </c>
    </row>
    <row r="25" spans="1:11" ht="15" customHeight="1">
      <c r="A25" s="17" t="s">
        <v>47</v>
      </c>
      <c r="B25" s="17"/>
      <c r="C25" s="13">
        <v>2250</v>
      </c>
      <c r="D25" s="19">
        <v>1103</v>
      </c>
      <c r="E25" s="19">
        <v>1147</v>
      </c>
      <c r="F25" s="19"/>
      <c r="G25" s="18" t="s">
        <v>48</v>
      </c>
      <c r="H25" s="17"/>
      <c r="I25" s="13">
        <v>2517</v>
      </c>
      <c r="J25" s="19">
        <v>1211</v>
      </c>
      <c r="K25" s="19">
        <v>1306</v>
      </c>
    </row>
    <row r="26" spans="1:11" ht="15" customHeight="1">
      <c r="A26" s="17" t="s">
        <v>49</v>
      </c>
      <c r="B26" s="17"/>
      <c r="C26" s="13">
        <v>2203</v>
      </c>
      <c r="D26" s="19">
        <v>1080</v>
      </c>
      <c r="E26" s="19">
        <v>1123</v>
      </c>
      <c r="F26" s="19"/>
      <c r="G26" s="18" t="s">
        <v>50</v>
      </c>
      <c r="H26" s="17"/>
      <c r="I26" s="13">
        <v>2485</v>
      </c>
      <c r="J26" s="19">
        <v>1246</v>
      </c>
      <c r="K26" s="19">
        <v>1239</v>
      </c>
    </row>
    <row r="27" spans="1:11" ht="15" customHeight="1">
      <c r="A27" s="17" t="s">
        <v>51</v>
      </c>
      <c r="B27" s="17"/>
      <c r="C27" s="13">
        <v>2353</v>
      </c>
      <c r="D27" s="19">
        <v>1206</v>
      </c>
      <c r="E27" s="19">
        <v>1147</v>
      </c>
      <c r="F27" s="19"/>
      <c r="G27" s="18" t="s">
        <v>52</v>
      </c>
      <c r="H27" s="17"/>
      <c r="I27" s="13">
        <v>2700</v>
      </c>
      <c r="J27" s="19">
        <v>1315</v>
      </c>
      <c r="K27" s="19">
        <v>1385</v>
      </c>
    </row>
    <row r="28" spans="1:11" ht="15" customHeight="1">
      <c r="A28" s="17" t="s">
        <v>53</v>
      </c>
      <c r="B28" s="17"/>
      <c r="C28" s="13">
        <v>2261</v>
      </c>
      <c r="D28" s="19">
        <v>1145</v>
      </c>
      <c r="E28" s="19">
        <v>1116</v>
      </c>
      <c r="F28" s="19"/>
      <c r="G28" s="18" t="s">
        <v>54</v>
      </c>
      <c r="H28" s="17"/>
      <c r="I28" s="13">
        <v>2870</v>
      </c>
      <c r="J28" s="19">
        <v>1332</v>
      </c>
      <c r="K28" s="19">
        <v>1538</v>
      </c>
    </row>
    <row r="29" spans="1:11" ht="20.100000000000001" customHeight="1">
      <c r="A29" s="17" t="s">
        <v>55</v>
      </c>
      <c r="B29" s="17"/>
      <c r="C29" s="13">
        <v>11391</v>
      </c>
      <c r="D29" s="14">
        <v>5579</v>
      </c>
      <c r="E29" s="14">
        <v>5812</v>
      </c>
      <c r="F29" s="14"/>
      <c r="G29" s="18" t="s">
        <v>56</v>
      </c>
      <c r="H29" s="17"/>
      <c r="I29" s="13">
        <v>17064</v>
      </c>
      <c r="J29" s="14">
        <v>7835</v>
      </c>
      <c r="K29" s="14">
        <v>9229</v>
      </c>
    </row>
    <row r="30" spans="1:11" ht="15" customHeight="1">
      <c r="A30" s="17" t="s">
        <v>57</v>
      </c>
      <c r="B30" s="17"/>
      <c r="C30" s="13">
        <v>2310</v>
      </c>
      <c r="D30" s="19">
        <v>1124</v>
      </c>
      <c r="E30" s="19">
        <v>1186</v>
      </c>
      <c r="F30" s="19"/>
      <c r="G30" s="18" t="s">
        <v>58</v>
      </c>
      <c r="H30" s="17"/>
      <c r="I30" s="13">
        <v>3013</v>
      </c>
      <c r="J30" s="19">
        <v>1418</v>
      </c>
      <c r="K30" s="19">
        <v>1595</v>
      </c>
    </row>
    <row r="31" spans="1:11" ht="15" customHeight="1">
      <c r="A31" s="17" t="s">
        <v>59</v>
      </c>
      <c r="B31" s="17"/>
      <c r="C31" s="13">
        <v>2459</v>
      </c>
      <c r="D31" s="19">
        <v>1188</v>
      </c>
      <c r="E31" s="19">
        <v>1271</v>
      </c>
      <c r="F31" s="19"/>
      <c r="G31" s="18" t="s">
        <v>60</v>
      </c>
      <c r="H31" s="17"/>
      <c r="I31" s="13">
        <v>3174</v>
      </c>
      <c r="J31" s="19">
        <v>1495</v>
      </c>
      <c r="K31" s="19">
        <v>1679</v>
      </c>
    </row>
    <row r="32" spans="1:11" ht="15" customHeight="1">
      <c r="A32" s="17" t="s">
        <v>61</v>
      </c>
      <c r="B32" s="17"/>
      <c r="C32" s="13">
        <v>2341</v>
      </c>
      <c r="D32" s="19">
        <v>1149</v>
      </c>
      <c r="E32" s="19">
        <v>1192</v>
      </c>
      <c r="F32" s="19"/>
      <c r="G32" s="18" t="s">
        <v>62</v>
      </c>
      <c r="H32" s="17"/>
      <c r="I32" s="13">
        <v>3696</v>
      </c>
      <c r="J32" s="19">
        <v>1726</v>
      </c>
      <c r="K32" s="19">
        <v>1970</v>
      </c>
    </row>
    <row r="33" spans="1:11" ht="15" customHeight="1">
      <c r="A33" s="17" t="s">
        <v>63</v>
      </c>
      <c r="B33" s="17"/>
      <c r="C33" s="13">
        <v>2129</v>
      </c>
      <c r="D33" s="19">
        <v>1081</v>
      </c>
      <c r="E33" s="19">
        <v>1048</v>
      </c>
      <c r="F33" s="19"/>
      <c r="G33" s="18" t="s">
        <v>64</v>
      </c>
      <c r="H33" s="17"/>
      <c r="I33" s="13">
        <v>3594</v>
      </c>
      <c r="J33" s="19">
        <v>1568</v>
      </c>
      <c r="K33" s="19">
        <v>2026</v>
      </c>
    </row>
    <row r="34" spans="1:11" ht="15" customHeight="1">
      <c r="A34" s="17" t="s">
        <v>65</v>
      </c>
      <c r="B34" s="17"/>
      <c r="C34" s="13">
        <v>2152</v>
      </c>
      <c r="D34" s="19">
        <v>1037</v>
      </c>
      <c r="E34" s="19">
        <v>1115</v>
      </c>
      <c r="F34" s="19"/>
      <c r="G34" s="18" t="s">
        <v>66</v>
      </c>
      <c r="H34" s="17"/>
      <c r="I34" s="13">
        <v>3587</v>
      </c>
      <c r="J34" s="19">
        <v>1628</v>
      </c>
      <c r="K34" s="19">
        <v>1959</v>
      </c>
    </row>
    <row r="35" spans="1:11" ht="20.100000000000001" customHeight="1">
      <c r="A35" s="17" t="s">
        <v>67</v>
      </c>
      <c r="B35" s="17"/>
      <c r="C35" s="13">
        <v>10051</v>
      </c>
      <c r="D35" s="14">
        <v>5065</v>
      </c>
      <c r="E35" s="14">
        <v>4986</v>
      </c>
      <c r="F35" s="14"/>
      <c r="G35" s="18" t="s">
        <v>68</v>
      </c>
      <c r="H35" s="17"/>
      <c r="I35" s="13">
        <v>13084</v>
      </c>
      <c r="J35" s="14">
        <v>5839</v>
      </c>
      <c r="K35" s="14">
        <v>7245</v>
      </c>
    </row>
    <row r="36" spans="1:11" ht="15" customHeight="1">
      <c r="A36" s="17" t="s">
        <v>69</v>
      </c>
      <c r="B36" s="17"/>
      <c r="C36" s="13">
        <v>1963</v>
      </c>
      <c r="D36" s="19">
        <v>1036</v>
      </c>
      <c r="E36" s="19">
        <v>927</v>
      </c>
      <c r="F36" s="19"/>
      <c r="G36" s="18" t="s">
        <v>70</v>
      </c>
      <c r="H36" s="17"/>
      <c r="I36" s="13">
        <v>2582</v>
      </c>
      <c r="J36" s="19">
        <v>1164</v>
      </c>
      <c r="K36" s="19">
        <v>1418</v>
      </c>
    </row>
    <row r="37" spans="1:11" ht="15" customHeight="1">
      <c r="A37" s="17" t="s">
        <v>71</v>
      </c>
      <c r="B37" s="17"/>
      <c r="C37" s="13">
        <v>2064</v>
      </c>
      <c r="D37" s="19">
        <v>1039</v>
      </c>
      <c r="E37" s="19">
        <v>1025</v>
      </c>
      <c r="F37" s="19"/>
      <c r="G37" s="18" t="s">
        <v>72</v>
      </c>
      <c r="H37" s="17"/>
      <c r="I37" s="13">
        <v>2269</v>
      </c>
      <c r="J37" s="19">
        <v>1027</v>
      </c>
      <c r="K37" s="19">
        <v>1242</v>
      </c>
    </row>
    <row r="38" spans="1:11" ht="15" customHeight="1">
      <c r="A38" s="17" t="s">
        <v>73</v>
      </c>
      <c r="B38" s="17"/>
      <c r="C38" s="13">
        <v>1977</v>
      </c>
      <c r="D38" s="19">
        <v>1018</v>
      </c>
      <c r="E38" s="19">
        <v>959</v>
      </c>
      <c r="F38" s="19"/>
      <c r="G38" s="18" t="s">
        <v>74</v>
      </c>
      <c r="H38" s="17"/>
      <c r="I38" s="13">
        <v>2675</v>
      </c>
      <c r="J38" s="19">
        <v>1204</v>
      </c>
      <c r="K38" s="19">
        <v>1471</v>
      </c>
    </row>
    <row r="39" spans="1:11" ht="15" customHeight="1">
      <c r="A39" s="17" t="s">
        <v>75</v>
      </c>
      <c r="B39" s="17"/>
      <c r="C39" s="13">
        <v>2057</v>
      </c>
      <c r="D39" s="19">
        <v>987</v>
      </c>
      <c r="E39" s="19">
        <v>1070</v>
      </c>
      <c r="F39" s="19"/>
      <c r="G39" s="18" t="s">
        <v>76</v>
      </c>
      <c r="H39" s="17"/>
      <c r="I39" s="13">
        <v>2815</v>
      </c>
      <c r="J39" s="19">
        <v>1225</v>
      </c>
      <c r="K39" s="19">
        <v>1590</v>
      </c>
    </row>
    <row r="40" spans="1:11" ht="15" customHeight="1">
      <c r="A40" s="17" t="s">
        <v>77</v>
      </c>
      <c r="B40" s="17"/>
      <c r="C40" s="13">
        <v>1990</v>
      </c>
      <c r="D40" s="19">
        <v>985</v>
      </c>
      <c r="E40" s="19">
        <v>1005</v>
      </c>
      <c r="F40" s="19"/>
      <c r="G40" s="18" t="s">
        <v>78</v>
      </c>
      <c r="H40" s="17"/>
      <c r="I40" s="13">
        <v>2743</v>
      </c>
      <c r="J40" s="19">
        <v>1219</v>
      </c>
      <c r="K40" s="19">
        <v>1524</v>
      </c>
    </row>
    <row r="41" spans="1:11" ht="20.100000000000001" customHeight="1">
      <c r="A41" s="17" t="s">
        <v>79</v>
      </c>
      <c r="B41" s="17"/>
      <c r="C41" s="13">
        <v>11034</v>
      </c>
      <c r="D41" s="14">
        <v>5444</v>
      </c>
      <c r="E41" s="14">
        <v>5590</v>
      </c>
      <c r="F41" s="14"/>
      <c r="G41" s="18" t="s">
        <v>80</v>
      </c>
      <c r="H41" s="17"/>
      <c r="I41" s="13">
        <v>11024</v>
      </c>
      <c r="J41" s="14">
        <v>4783</v>
      </c>
      <c r="K41" s="14">
        <v>6241</v>
      </c>
    </row>
    <row r="42" spans="1:11" ht="15" customHeight="1">
      <c r="A42" s="17" t="s">
        <v>81</v>
      </c>
      <c r="B42" s="17"/>
      <c r="C42" s="13">
        <v>2056</v>
      </c>
      <c r="D42" s="19">
        <v>1029</v>
      </c>
      <c r="E42" s="19">
        <v>1027</v>
      </c>
      <c r="F42" s="19"/>
      <c r="G42" s="18" t="s">
        <v>82</v>
      </c>
      <c r="H42" s="17"/>
      <c r="I42" s="13">
        <v>2669</v>
      </c>
      <c r="J42" s="19">
        <v>1153</v>
      </c>
      <c r="K42" s="19">
        <v>1516</v>
      </c>
    </row>
    <row r="43" spans="1:11" ht="15" customHeight="1">
      <c r="A43" s="17" t="s">
        <v>83</v>
      </c>
      <c r="B43" s="17"/>
      <c r="C43" s="13">
        <v>2047</v>
      </c>
      <c r="D43" s="19">
        <v>989</v>
      </c>
      <c r="E43" s="19">
        <v>1058</v>
      </c>
      <c r="F43" s="19"/>
      <c r="G43" s="18" t="s">
        <v>84</v>
      </c>
      <c r="H43" s="17"/>
      <c r="I43" s="13">
        <v>2463</v>
      </c>
      <c r="J43" s="19">
        <v>1089</v>
      </c>
      <c r="K43" s="19">
        <v>1374</v>
      </c>
    </row>
    <row r="44" spans="1:11" ht="15" customHeight="1">
      <c r="A44" s="17" t="s">
        <v>85</v>
      </c>
      <c r="B44" s="17"/>
      <c r="C44" s="13">
        <v>2139</v>
      </c>
      <c r="D44" s="19">
        <v>1041</v>
      </c>
      <c r="E44" s="19">
        <v>1098</v>
      </c>
      <c r="F44" s="19"/>
      <c r="G44" s="18" t="s">
        <v>86</v>
      </c>
      <c r="H44" s="17"/>
      <c r="I44" s="13">
        <v>1991</v>
      </c>
      <c r="J44" s="19">
        <v>863</v>
      </c>
      <c r="K44" s="19">
        <v>1128</v>
      </c>
    </row>
    <row r="45" spans="1:11" ht="15" customHeight="1">
      <c r="A45" s="17" t="s">
        <v>87</v>
      </c>
      <c r="B45" s="17"/>
      <c r="C45" s="13">
        <v>2340</v>
      </c>
      <c r="D45" s="19">
        <v>1131</v>
      </c>
      <c r="E45" s="19">
        <v>1209</v>
      </c>
      <c r="F45" s="19"/>
      <c r="G45" s="18" t="s">
        <v>88</v>
      </c>
      <c r="H45" s="17"/>
      <c r="I45" s="13">
        <v>1855</v>
      </c>
      <c r="J45" s="19">
        <v>788</v>
      </c>
      <c r="K45" s="19">
        <v>1067</v>
      </c>
    </row>
    <row r="46" spans="1:11" ht="15" customHeight="1">
      <c r="A46" s="17" t="s">
        <v>89</v>
      </c>
      <c r="B46" s="17"/>
      <c r="C46" s="13">
        <v>2452</v>
      </c>
      <c r="D46" s="19">
        <v>1254</v>
      </c>
      <c r="E46" s="19">
        <v>1198</v>
      </c>
      <c r="F46" s="19"/>
      <c r="G46" s="18" t="s">
        <v>90</v>
      </c>
      <c r="H46" s="17"/>
      <c r="I46" s="13">
        <v>2046</v>
      </c>
      <c r="J46" s="19">
        <v>890</v>
      </c>
      <c r="K46" s="19">
        <v>1156</v>
      </c>
    </row>
    <row r="47" spans="1:11" ht="20.100000000000001" customHeight="1">
      <c r="A47" s="17" t="s">
        <v>91</v>
      </c>
      <c r="B47" s="17"/>
      <c r="C47" s="13">
        <v>14216</v>
      </c>
      <c r="D47" s="14">
        <v>6969</v>
      </c>
      <c r="E47" s="14">
        <v>7247</v>
      </c>
      <c r="F47" s="14"/>
      <c r="G47" s="18" t="s">
        <v>92</v>
      </c>
      <c r="H47" s="17"/>
      <c r="I47" s="13">
        <v>7032</v>
      </c>
      <c r="J47" s="14">
        <v>2689</v>
      </c>
      <c r="K47" s="14">
        <v>4343</v>
      </c>
    </row>
    <row r="48" spans="1:11" ht="15" customHeight="1">
      <c r="A48" s="17" t="s">
        <v>93</v>
      </c>
      <c r="B48" s="17"/>
      <c r="C48" s="13">
        <v>2561</v>
      </c>
      <c r="D48" s="19">
        <v>1304</v>
      </c>
      <c r="E48" s="19">
        <v>1257</v>
      </c>
      <c r="F48" s="19"/>
      <c r="G48" s="18" t="s">
        <v>94</v>
      </c>
      <c r="H48" s="17"/>
      <c r="I48" s="13">
        <v>1767</v>
      </c>
      <c r="J48" s="19">
        <v>722</v>
      </c>
      <c r="K48" s="19">
        <v>1045</v>
      </c>
    </row>
    <row r="49" spans="1:11" ht="15" customHeight="1">
      <c r="A49" s="17" t="s">
        <v>95</v>
      </c>
      <c r="B49" s="17"/>
      <c r="C49" s="13">
        <v>2653</v>
      </c>
      <c r="D49" s="19">
        <v>1311</v>
      </c>
      <c r="E49" s="19">
        <v>1342</v>
      </c>
      <c r="F49" s="19"/>
      <c r="G49" s="18" t="s">
        <v>96</v>
      </c>
      <c r="H49" s="17"/>
      <c r="I49" s="13">
        <v>1683</v>
      </c>
      <c r="J49" s="19">
        <v>687</v>
      </c>
      <c r="K49" s="19">
        <v>996</v>
      </c>
    </row>
    <row r="50" spans="1:11" ht="15" customHeight="1">
      <c r="A50" s="17" t="s">
        <v>97</v>
      </c>
      <c r="B50" s="17"/>
      <c r="C50" s="13">
        <v>2910</v>
      </c>
      <c r="D50" s="19">
        <v>1347</v>
      </c>
      <c r="E50" s="19">
        <v>1563</v>
      </c>
      <c r="F50" s="19"/>
      <c r="G50" s="18" t="s">
        <v>98</v>
      </c>
      <c r="H50" s="17"/>
      <c r="I50" s="13">
        <v>1370</v>
      </c>
      <c r="J50" s="19">
        <v>522</v>
      </c>
      <c r="K50" s="19">
        <v>848</v>
      </c>
    </row>
    <row r="51" spans="1:11" ht="15" customHeight="1">
      <c r="A51" s="17" t="s">
        <v>99</v>
      </c>
      <c r="B51" s="17"/>
      <c r="C51" s="13">
        <v>3021</v>
      </c>
      <c r="D51" s="19">
        <v>1538</v>
      </c>
      <c r="E51" s="19">
        <v>1483</v>
      </c>
      <c r="F51" s="19"/>
      <c r="G51" s="18" t="s">
        <v>100</v>
      </c>
      <c r="H51" s="17"/>
      <c r="I51" s="13">
        <v>1212</v>
      </c>
      <c r="J51" s="19">
        <v>428</v>
      </c>
      <c r="K51" s="19">
        <v>784</v>
      </c>
    </row>
    <row r="52" spans="1:11" ht="15" customHeight="1">
      <c r="A52" s="17" t="s">
        <v>101</v>
      </c>
      <c r="B52" s="17"/>
      <c r="C52" s="13">
        <v>3071</v>
      </c>
      <c r="D52" s="19">
        <v>1469</v>
      </c>
      <c r="E52" s="19">
        <v>1602</v>
      </c>
      <c r="F52" s="19"/>
      <c r="G52" s="18" t="s">
        <v>102</v>
      </c>
      <c r="H52" s="17"/>
      <c r="I52" s="13">
        <v>1000</v>
      </c>
      <c r="J52" s="19">
        <v>330</v>
      </c>
      <c r="K52" s="19">
        <v>670</v>
      </c>
    </row>
    <row r="53" spans="1:11" ht="20.100000000000001" customHeight="1">
      <c r="A53" s="17" t="s">
        <v>103</v>
      </c>
      <c r="B53" s="17"/>
      <c r="C53" s="13">
        <v>16800</v>
      </c>
      <c r="D53" s="14">
        <v>8293</v>
      </c>
      <c r="E53" s="14">
        <v>8507</v>
      </c>
      <c r="F53" s="14"/>
      <c r="G53" s="18" t="s">
        <v>104</v>
      </c>
      <c r="H53" s="17"/>
      <c r="I53" s="13">
        <v>3251</v>
      </c>
      <c r="J53" s="14">
        <v>980</v>
      </c>
      <c r="K53" s="14">
        <v>2271</v>
      </c>
    </row>
    <row r="54" spans="1:11" ht="15" customHeight="1">
      <c r="A54" s="17" t="s">
        <v>105</v>
      </c>
      <c r="B54" s="17"/>
      <c r="C54" s="13">
        <v>3079</v>
      </c>
      <c r="D54" s="19">
        <v>1532</v>
      </c>
      <c r="E54" s="19">
        <v>1547</v>
      </c>
      <c r="F54" s="19"/>
      <c r="G54" s="18" t="s">
        <v>106</v>
      </c>
      <c r="H54" s="17"/>
      <c r="I54" s="13">
        <v>982</v>
      </c>
      <c r="J54" s="19">
        <v>327</v>
      </c>
      <c r="K54" s="19">
        <v>655</v>
      </c>
    </row>
    <row r="55" spans="1:11" ht="15" customHeight="1">
      <c r="A55" s="17" t="s">
        <v>107</v>
      </c>
      <c r="B55" s="17"/>
      <c r="C55" s="13">
        <v>3208</v>
      </c>
      <c r="D55" s="19">
        <v>1561</v>
      </c>
      <c r="E55" s="19">
        <v>1647</v>
      </c>
      <c r="F55" s="19"/>
      <c r="G55" s="18" t="s">
        <v>108</v>
      </c>
      <c r="H55" s="17"/>
      <c r="I55" s="13">
        <v>720</v>
      </c>
      <c r="J55" s="19">
        <v>213</v>
      </c>
      <c r="K55" s="19">
        <v>507</v>
      </c>
    </row>
    <row r="56" spans="1:11" ht="15" customHeight="1">
      <c r="A56" s="17" t="s">
        <v>109</v>
      </c>
      <c r="B56" s="17"/>
      <c r="C56" s="13">
        <v>3440</v>
      </c>
      <c r="D56" s="19">
        <v>1737</v>
      </c>
      <c r="E56" s="19">
        <v>1703</v>
      </c>
      <c r="F56" s="19"/>
      <c r="G56" s="18" t="s">
        <v>110</v>
      </c>
      <c r="H56" s="17"/>
      <c r="I56" s="13">
        <v>650</v>
      </c>
      <c r="J56" s="19">
        <v>197</v>
      </c>
      <c r="K56" s="19">
        <v>453</v>
      </c>
    </row>
    <row r="57" spans="1:11" ht="15" customHeight="1">
      <c r="A57" s="17" t="s">
        <v>111</v>
      </c>
      <c r="B57" s="17"/>
      <c r="C57" s="13">
        <v>3553</v>
      </c>
      <c r="D57" s="19">
        <v>1713</v>
      </c>
      <c r="E57" s="19">
        <v>1840</v>
      </c>
      <c r="F57" s="19"/>
      <c r="G57" s="18" t="s">
        <v>112</v>
      </c>
      <c r="H57" s="17"/>
      <c r="I57" s="13">
        <v>519</v>
      </c>
      <c r="J57" s="19">
        <v>146</v>
      </c>
      <c r="K57" s="19">
        <v>373</v>
      </c>
    </row>
    <row r="58" spans="1:11" ht="15" customHeight="1">
      <c r="A58" s="17" t="s">
        <v>113</v>
      </c>
      <c r="B58" s="17"/>
      <c r="C58" s="13">
        <v>3520</v>
      </c>
      <c r="D58" s="19">
        <v>1750</v>
      </c>
      <c r="E58" s="19">
        <v>1770</v>
      </c>
      <c r="F58" s="19"/>
      <c r="G58" s="18" t="s">
        <v>114</v>
      </c>
      <c r="H58" s="17"/>
      <c r="I58" s="13">
        <v>380</v>
      </c>
      <c r="J58" s="19">
        <v>97</v>
      </c>
      <c r="K58" s="19">
        <v>283</v>
      </c>
    </row>
    <row r="59" spans="1:11" ht="20.100000000000001" customHeight="1">
      <c r="A59" s="17" t="s">
        <v>115</v>
      </c>
      <c r="B59" s="17"/>
      <c r="C59" s="13">
        <v>20564</v>
      </c>
      <c r="D59" s="14">
        <v>10135</v>
      </c>
      <c r="E59" s="14">
        <v>10429</v>
      </c>
      <c r="F59" s="14"/>
      <c r="G59" s="18" t="s">
        <v>116</v>
      </c>
      <c r="H59" s="17"/>
      <c r="I59" s="13">
        <v>857</v>
      </c>
      <c r="J59" s="14">
        <v>176</v>
      </c>
      <c r="K59" s="14">
        <v>681</v>
      </c>
    </row>
    <row r="60" spans="1:11" ht="15" customHeight="1">
      <c r="A60" s="17" t="s">
        <v>117</v>
      </c>
      <c r="B60" s="17"/>
      <c r="C60" s="13">
        <v>3826</v>
      </c>
      <c r="D60" s="19">
        <v>1918</v>
      </c>
      <c r="E60" s="19">
        <v>1908</v>
      </c>
      <c r="F60" s="19"/>
      <c r="G60" s="18" t="s">
        <v>118</v>
      </c>
      <c r="H60" s="17"/>
      <c r="I60" s="13">
        <v>306</v>
      </c>
      <c r="J60" s="19">
        <v>72</v>
      </c>
      <c r="K60" s="19">
        <v>234</v>
      </c>
    </row>
    <row r="61" spans="1:11" ht="15" customHeight="1">
      <c r="A61" s="17" t="s">
        <v>119</v>
      </c>
      <c r="B61" s="17"/>
      <c r="C61" s="13">
        <v>3929</v>
      </c>
      <c r="D61" s="19">
        <v>1922</v>
      </c>
      <c r="E61" s="19">
        <v>2007</v>
      </c>
      <c r="F61" s="19"/>
      <c r="G61" s="18" t="s">
        <v>120</v>
      </c>
      <c r="H61" s="17"/>
      <c r="I61" s="13">
        <v>212</v>
      </c>
      <c r="J61" s="19">
        <v>40</v>
      </c>
      <c r="K61" s="19">
        <v>172</v>
      </c>
    </row>
    <row r="62" spans="1:11" ht="15" customHeight="1">
      <c r="A62" s="17" t="s">
        <v>121</v>
      </c>
      <c r="B62" s="17"/>
      <c r="C62" s="13">
        <v>4189</v>
      </c>
      <c r="D62" s="19">
        <v>2059</v>
      </c>
      <c r="E62" s="19">
        <v>2130</v>
      </c>
      <c r="F62" s="19"/>
      <c r="G62" s="18" t="s">
        <v>122</v>
      </c>
      <c r="H62" s="17"/>
      <c r="I62" s="13">
        <v>153</v>
      </c>
      <c r="J62" s="19">
        <v>33</v>
      </c>
      <c r="K62" s="19">
        <v>120</v>
      </c>
    </row>
    <row r="63" spans="1:11" ht="15" customHeight="1">
      <c r="A63" s="17" t="s">
        <v>123</v>
      </c>
      <c r="B63" s="17"/>
      <c r="C63" s="13">
        <v>4311</v>
      </c>
      <c r="D63" s="19">
        <v>2135</v>
      </c>
      <c r="E63" s="19">
        <v>2176</v>
      </c>
      <c r="F63" s="19"/>
      <c r="G63" s="18" t="s">
        <v>124</v>
      </c>
      <c r="H63" s="17"/>
      <c r="I63" s="13">
        <v>106</v>
      </c>
      <c r="J63" s="19">
        <v>25</v>
      </c>
      <c r="K63" s="19">
        <v>81</v>
      </c>
    </row>
    <row r="64" spans="1:11" ht="15" customHeight="1">
      <c r="A64" s="17" t="s">
        <v>125</v>
      </c>
      <c r="B64" s="17"/>
      <c r="C64" s="13">
        <v>4309</v>
      </c>
      <c r="D64" s="19">
        <v>2101</v>
      </c>
      <c r="E64" s="19">
        <v>2208</v>
      </c>
      <c r="F64" s="19"/>
      <c r="G64" s="18" t="s">
        <v>126</v>
      </c>
      <c r="H64" s="17"/>
      <c r="I64" s="13">
        <v>80</v>
      </c>
      <c r="J64" s="19">
        <v>6</v>
      </c>
      <c r="K64" s="19">
        <v>74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50</v>
      </c>
      <c r="J65" s="19">
        <v>23</v>
      </c>
      <c r="K65" s="19">
        <v>127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1994</v>
      </c>
      <c r="J66" s="27">
        <v>1236</v>
      </c>
      <c r="K66" s="27">
        <v>758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72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61949</v>
      </c>
      <c r="D4" s="14">
        <v>81810</v>
      </c>
      <c r="E4" s="14">
        <v>8013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4415</v>
      </c>
      <c r="D5" s="14">
        <v>2290</v>
      </c>
      <c r="E5" s="14">
        <v>2125</v>
      </c>
      <c r="F5" s="14"/>
      <c r="G5" s="18" t="s">
        <v>8</v>
      </c>
      <c r="H5" s="17"/>
      <c r="I5" s="13">
        <v>12003</v>
      </c>
      <c r="J5" s="14">
        <v>6340</v>
      </c>
      <c r="K5" s="14">
        <v>5663</v>
      </c>
    </row>
    <row r="6" spans="1:11" ht="15" customHeight="1">
      <c r="A6" s="17" t="s">
        <v>9</v>
      </c>
      <c r="B6" s="17"/>
      <c r="C6" s="13">
        <v>789</v>
      </c>
      <c r="D6" s="19">
        <v>406</v>
      </c>
      <c r="E6" s="19">
        <v>383</v>
      </c>
      <c r="F6" s="19"/>
      <c r="G6" s="18" t="s">
        <v>10</v>
      </c>
      <c r="H6" s="17"/>
      <c r="I6" s="13">
        <v>2521</v>
      </c>
      <c r="J6" s="19">
        <v>1282</v>
      </c>
      <c r="K6" s="19">
        <v>1239</v>
      </c>
    </row>
    <row r="7" spans="1:11" ht="15" customHeight="1">
      <c r="A7" s="17" t="s">
        <v>11</v>
      </c>
      <c r="B7" s="17"/>
      <c r="C7" s="13">
        <v>854</v>
      </c>
      <c r="D7" s="19">
        <v>426</v>
      </c>
      <c r="E7" s="19">
        <v>428</v>
      </c>
      <c r="F7" s="19"/>
      <c r="G7" s="18" t="s">
        <v>12</v>
      </c>
      <c r="H7" s="17"/>
      <c r="I7" s="13">
        <v>2455</v>
      </c>
      <c r="J7" s="19">
        <v>1290</v>
      </c>
      <c r="K7" s="19">
        <v>1165</v>
      </c>
    </row>
    <row r="8" spans="1:11" ht="15" customHeight="1">
      <c r="A8" s="17" t="s">
        <v>13</v>
      </c>
      <c r="B8" s="17"/>
      <c r="C8" s="13">
        <v>856</v>
      </c>
      <c r="D8" s="19">
        <v>462</v>
      </c>
      <c r="E8" s="19">
        <v>394</v>
      </c>
      <c r="F8" s="19"/>
      <c r="G8" s="18" t="s">
        <v>14</v>
      </c>
      <c r="H8" s="17"/>
      <c r="I8" s="13">
        <v>2316</v>
      </c>
      <c r="J8" s="19">
        <v>1255</v>
      </c>
      <c r="K8" s="19">
        <v>1061</v>
      </c>
    </row>
    <row r="9" spans="1:11" ht="15" customHeight="1">
      <c r="A9" s="17" t="s">
        <v>15</v>
      </c>
      <c r="B9" s="17"/>
      <c r="C9" s="13">
        <v>906</v>
      </c>
      <c r="D9" s="19">
        <v>490</v>
      </c>
      <c r="E9" s="19">
        <v>416</v>
      </c>
      <c r="F9" s="19"/>
      <c r="G9" s="18" t="s">
        <v>16</v>
      </c>
      <c r="H9" s="17"/>
      <c r="I9" s="13">
        <v>2346</v>
      </c>
      <c r="J9" s="19">
        <v>1264</v>
      </c>
      <c r="K9" s="19">
        <v>1082</v>
      </c>
    </row>
    <row r="10" spans="1:11" ht="15" customHeight="1">
      <c r="A10" s="17" t="s">
        <v>17</v>
      </c>
      <c r="B10" s="17"/>
      <c r="C10" s="13">
        <v>1010</v>
      </c>
      <c r="D10" s="19">
        <v>506</v>
      </c>
      <c r="E10" s="19">
        <v>504</v>
      </c>
      <c r="F10" s="19"/>
      <c r="G10" s="18" t="s">
        <v>18</v>
      </c>
      <c r="H10" s="17"/>
      <c r="I10" s="13">
        <v>2365</v>
      </c>
      <c r="J10" s="19">
        <v>1249</v>
      </c>
      <c r="K10" s="19">
        <v>1116</v>
      </c>
    </row>
    <row r="11" spans="1:11" ht="20.100000000000001" customHeight="1">
      <c r="A11" s="17" t="s">
        <v>19</v>
      </c>
      <c r="B11" s="17"/>
      <c r="C11" s="13">
        <v>5976</v>
      </c>
      <c r="D11" s="14">
        <v>3133</v>
      </c>
      <c r="E11" s="14">
        <v>2843</v>
      </c>
      <c r="F11" s="14"/>
      <c r="G11" s="18" t="s">
        <v>20</v>
      </c>
      <c r="H11" s="17"/>
      <c r="I11" s="13">
        <v>9974</v>
      </c>
      <c r="J11" s="14">
        <v>5125</v>
      </c>
      <c r="K11" s="14">
        <v>4849</v>
      </c>
    </row>
    <row r="12" spans="1:11" ht="15" customHeight="1">
      <c r="A12" s="17" t="s">
        <v>21</v>
      </c>
      <c r="B12" s="17"/>
      <c r="C12" s="13">
        <v>1066</v>
      </c>
      <c r="D12" s="19">
        <v>578</v>
      </c>
      <c r="E12" s="19">
        <v>488</v>
      </c>
      <c r="F12" s="19"/>
      <c r="G12" s="18" t="s">
        <v>22</v>
      </c>
      <c r="H12" s="17"/>
      <c r="I12" s="13">
        <v>1708</v>
      </c>
      <c r="J12" s="19">
        <v>914</v>
      </c>
      <c r="K12" s="19">
        <v>794</v>
      </c>
    </row>
    <row r="13" spans="1:11" ht="15" customHeight="1">
      <c r="A13" s="17" t="s">
        <v>23</v>
      </c>
      <c r="B13" s="17"/>
      <c r="C13" s="13">
        <v>1183</v>
      </c>
      <c r="D13" s="19">
        <v>604</v>
      </c>
      <c r="E13" s="19">
        <v>579</v>
      </c>
      <c r="F13" s="19"/>
      <c r="G13" s="18" t="s">
        <v>24</v>
      </c>
      <c r="H13" s="17"/>
      <c r="I13" s="13">
        <v>2231</v>
      </c>
      <c r="J13" s="19">
        <v>1097</v>
      </c>
      <c r="K13" s="19">
        <v>1134</v>
      </c>
    </row>
    <row r="14" spans="1:11" ht="15" customHeight="1">
      <c r="A14" s="17" t="s">
        <v>25</v>
      </c>
      <c r="B14" s="17"/>
      <c r="C14" s="13">
        <v>1183</v>
      </c>
      <c r="D14" s="19">
        <v>636</v>
      </c>
      <c r="E14" s="19">
        <v>547</v>
      </c>
      <c r="F14" s="19"/>
      <c r="G14" s="18" t="s">
        <v>26</v>
      </c>
      <c r="H14" s="17"/>
      <c r="I14" s="13">
        <v>2201</v>
      </c>
      <c r="J14" s="19">
        <v>1132</v>
      </c>
      <c r="K14" s="19">
        <v>1069</v>
      </c>
    </row>
    <row r="15" spans="1:11" ht="15" customHeight="1">
      <c r="A15" s="17" t="s">
        <v>27</v>
      </c>
      <c r="B15" s="17"/>
      <c r="C15" s="13">
        <v>1246</v>
      </c>
      <c r="D15" s="19">
        <v>631</v>
      </c>
      <c r="E15" s="19">
        <v>615</v>
      </c>
      <c r="F15" s="19"/>
      <c r="G15" s="18" t="s">
        <v>28</v>
      </c>
      <c r="H15" s="17"/>
      <c r="I15" s="13">
        <v>1968</v>
      </c>
      <c r="J15" s="19">
        <v>1025</v>
      </c>
      <c r="K15" s="19">
        <v>943</v>
      </c>
    </row>
    <row r="16" spans="1:11" ht="15" customHeight="1">
      <c r="A16" s="17" t="s">
        <v>29</v>
      </c>
      <c r="B16" s="17"/>
      <c r="C16" s="13">
        <v>1298</v>
      </c>
      <c r="D16" s="19">
        <v>684</v>
      </c>
      <c r="E16" s="19">
        <v>614</v>
      </c>
      <c r="F16" s="19"/>
      <c r="G16" s="18" t="s">
        <v>30</v>
      </c>
      <c r="H16" s="17"/>
      <c r="I16" s="13">
        <v>1866</v>
      </c>
      <c r="J16" s="19">
        <v>957</v>
      </c>
      <c r="K16" s="19">
        <v>909</v>
      </c>
    </row>
    <row r="17" spans="1:11" ht="20.100000000000001" customHeight="1">
      <c r="A17" s="20" t="s">
        <v>31</v>
      </c>
      <c r="B17" s="20"/>
      <c r="C17" s="13">
        <v>6836</v>
      </c>
      <c r="D17" s="14">
        <v>3549</v>
      </c>
      <c r="E17" s="14">
        <v>3287</v>
      </c>
      <c r="F17" s="14"/>
      <c r="G17" s="18" t="s">
        <v>32</v>
      </c>
      <c r="H17" s="17"/>
      <c r="I17" s="13">
        <v>9259</v>
      </c>
      <c r="J17" s="14">
        <v>4599</v>
      </c>
      <c r="K17" s="14">
        <v>4660</v>
      </c>
    </row>
    <row r="18" spans="1:11" ht="15" customHeight="1">
      <c r="A18" s="17" t="s">
        <v>33</v>
      </c>
      <c r="B18" s="17"/>
      <c r="C18" s="13">
        <v>1330</v>
      </c>
      <c r="D18" s="19">
        <v>684</v>
      </c>
      <c r="E18" s="19">
        <v>646</v>
      </c>
      <c r="F18" s="19"/>
      <c r="G18" s="18" t="s">
        <v>34</v>
      </c>
      <c r="H18" s="17"/>
      <c r="I18" s="13">
        <v>1855</v>
      </c>
      <c r="J18" s="19">
        <v>922</v>
      </c>
      <c r="K18" s="19">
        <v>933</v>
      </c>
    </row>
    <row r="19" spans="1:11" ht="15" customHeight="1">
      <c r="A19" s="17" t="s">
        <v>35</v>
      </c>
      <c r="B19" s="17"/>
      <c r="C19" s="13">
        <v>1304</v>
      </c>
      <c r="D19" s="19">
        <v>682</v>
      </c>
      <c r="E19" s="19">
        <v>622</v>
      </c>
      <c r="F19" s="19"/>
      <c r="G19" s="18" t="s">
        <v>36</v>
      </c>
      <c r="H19" s="17"/>
      <c r="I19" s="13">
        <v>1837</v>
      </c>
      <c r="J19" s="19">
        <v>901</v>
      </c>
      <c r="K19" s="19">
        <v>936</v>
      </c>
    </row>
    <row r="20" spans="1:11" ht="15" customHeight="1">
      <c r="A20" s="17" t="s">
        <v>37</v>
      </c>
      <c r="B20" s="17"/>
      <c r="C20" s="13">
        <v>1363</v>
      </c>
      <c r="D20" s="19">
        <v>705</v>
      </c>
      <c r="E20" s="19">
        <v>658</v>
      </c>
      <c r="F20" s="19"/>
      <c r="G20" s="18" t="s">
        <v>38</v>
      </c>
      <c r="H20" s="17"/>
      <c r="I20" s="13">
        <v>1851</v>
      </c>
      <c r="J20" s="19">
        <v>948</v>
      </c>
      <c r="K20" s="19">
        <v>903</v>
      </c>
    </row>
    <row r="21" spans="1:11" ht="15" customHeight="1">
      <c r="A21" s="17" t="s">
        <v>39</v>
      </c>
      <c r="B21" s="17"/>
      <c r="C21" s="13">
        <v>1446</v>
      </c>
      <c r="D21" s="19">
        <v>767</v>
      </c>
      <c r="E21" s="19">
        <v>679</v>
      </c>
      <c r="F21" s="19"/>
      <c r="G21" s="18" t="s">
        <v>40</v>
      </c>
      <c r="H21" s="17"/>
      <c r="I21" s="13">
        <v>1934</v>
      </c>
      <c r="J21" s="19">
        <v>953</v>
      </c>
      <c r="K21" s="19">
        <v>981</v>
      </c>
    </row>
    <row r="22" spans="1:11" ht="15" customHeight="1">
      <c r="A22" s="17" t="s">
        <v>41</v>
      </c>
      <c r="B22" s="17"/>
      <c r="C22" s="13">
        <v>1393</v>
      </c>
      <c r="D22" s="19">
        <v>711</v>
      </c>
      <c r="E22" s="19">
        <v>682</v>
      </c>
      <c r="F22" s="19"/>
      <c r="G22" s="18" t="s">
        <v>42</v>
      </c>
      <c r="H22" s="17"/>
      <c r="I22" s="13">
        <v>1782</v>
      </c>
      <c r="J22" s="19">
        <v>875</v>
      </c>
      <c r="K22" s="19">
        <v>907</v>
      </c>
    </row>
    <row r="23" spans="1:11" ht="20.100000000000001" customHeight="1">
      <c r="A23" s="17" t="s">
        <v>43</v>
      </c>
      <c r="B23" s="17"/>
      <c r="C23" s="13">
        <v>7205</v>
      </c>
      <c r="D23" s="14">
        <v>3621</v>
      </c>
      <c r="E23" s="14">
        <v>3584</v>
      </c>
      <c r="F23" s="14"/>
      <c r="G23" s="18" t="s">
        <v>44</v>
      </c>
      <c r="H23" s="17"/>
      <c r="I23" s="13">
        <v>10597</v>
      </c>
      <c r="J23" s="14">
        <v>5114</v>
      </c>
      <c r="K23" s="14">
        <v>5483</v>
      </c>
    </row>
    <row r="24" spans="1:11" ht="15" customHeight="1">
      <c r="A24" s="17" t="s">
        <v>45</v>
      </c>
      <c r="B24" s="17"/>
      <c r="C24" s="13">
        <v>1407</v>
      </c>
      <c r="D24" s="19">
        <v>710</v>
      </c>
      <c r="E24" s="19">
        <v>697</v>
      </c>
      <c r="F24" s="19"/>
      <c r="G24" s="18" t="s">
        <v>46</v>
      </c>
      <c r="H24" s="17"/>
      <c r="I24" s="13">
        <v>1926</v>
      </c>
      <c r="J24" s="19">
        <v>940</v>
      </c>
      <c r="K24" s="19">
        <v>986</v>
      </c>
    </row>
    <row r="25" spans="1:11" ht="15" customHeight="1">
      <c r="A25" s="17" t="s">
        <v>47</v>
      </c>
      <c r="B25" s="17"/>
      <c r="C25" s="13">
        <v>1345</v>
      </c>
      <c r="D25" s="19">
        <v>658</v>
      </c>
      <c r="E25" s="19">
        <v>687</v>
      </c>
      <c r="F25" s="19"/>
      <c r="G25" s="18" t="s">
        <v>48</v>
      </c>
      <c r="H25" s="17"/>
      <c r="I25" s="13">
        <v>2074</v>
      </c>
      <c r="J25" s="19">
        <v>1019</v>
      </c>
      <c r="K25" s="19">
        <v>1055</v>
      </c>
    </row>
    <row r="26" spans="1:11" ht="15" customHeight="1">
      <c r="A26" s="17" t="s">
        <v>49</v>
      </c>
      <c r="B26" s="17"/>
      <c r="C26" s="13">
        <v>1381</v>
      </c>
      <c r="D26" s="19">
        <v>664</v>
      </c>
      <c r="E26" s="19">
        <v>717</v>
      </c>
      <c r="F26" s="19"/>
      <c r="G26" s="18" t="s">
        <v>50</v>
      </c>
      <c r="H26" s="17"/>
      <c r="I26" s="13">
        <v>2108</v>
      </c>
      <c r="J26" s="19">
        <v>1033</v>
      </c>
      <c r="K26" s="19">
        <v>1075</v>
      </c>
    </row>
    <row r="27" spans="1:11" ht="15" customHeight="1">
      <c r="A27" s="17" t="s">
        <v>51</v>
      </c>
      <c r="B27" s="17"/>
      <c r="C27" s="13">
        <v>1418</v>
      </c>
      <c r="D27" s="19">
        <v>708</v>
      </c>
      <c r="E27" s="19">
        <v>710</v>
      </c>
      <c r="F27" s="19"/>
      <c r="G27" s="18" t="s">
        <v>52</v>
      </c>
      <c r="H27" s="17"/>
      <c r="I27" s="13">
        <v>2124</v>
      </c>
      <c r="J27" s="19">
        <v>987</v>
      </c>
      <c r="K27" s="19">
        <v>1137</v>
      </c>
    </row>
    <row r="28" spans="1:11" ht="15" customHeight="1">
      <c r="A28" s="17" t="s">
        <v>53</v>
      </c>
      <c r="B28" s="17"/>
      <c r="C28" s="13">
        <v>1654</v>
      </c>
      <c r="D28" s="19">
        <v>881</v>
      </c>
      <c r="E28" s="19">
        <v>773</v>
      </c>
      <c r="F28" s="19"/>
      <c r="G28" s="18" t="s">
        <v>54</v>
      </c>
      <c r="H28" s="17"/>
      <c r="I28" s="13">
        <v>2365</v>
      </c>
      <c r="J28" s="19">
        <v>1135</v>
      </c>
      <c r="K28" s="19">
        <v>1230</v>
      </c>
    </row>
    <row r="29" spans="1:11" ht="20.100000000000001" customHeight="1">
      <c r="A29" s="17" t="s">
        <v>55</v>
      </c>
      <c r="B29" s="17"/>
      <c r="C29" s="13">
        <v>9894</v>
      </c>
      <c r="D29" s="14">
        <v>5723</v>
      </c>
      <c r="E29" s="14">
        <v>4171</v>
      </c>
      <c r="F29" s="14"/>
      <c r="G29" s="18" t="s">
        <v>56</v>
      </c>
      <c r="H29" s="17"/>
      <c r="I29" s="13">
        <v>14513</v>
      </c>
      <c r="J29" s="14">
        <v>6935</v>
      </c>
      <c r="K29" s="14">
        <v>7578</v>
      </c>
    </row>
    <row r="30" spans="1:11" ht="15" customHeight="1">
      <c r="A30" s="17" t="s">
        <v>57</v>
      </c>
      <c r="B30" s="17"/>
      <c r="C30" s="13">
        <v>2161</v>
      </c>
      <c r="D30" s="19">
        <v>1233</v>
      </c>
      <c r="E30" s="19">
        <v>928</v>
      </c>
      <c r="F30" s="19"/>
      <c r="G30" s="18" t="s">
        <v>58</v>
      </c>
      <c r="H30" s="17"/>
      <c r="I30" s="13">
        <v>2599</v>
      </c>
      <c r="J30" s="19">
        <v>1241</v>
      </c>
      <c r="K30" s="19">
        <v>1358</v>
      </c>
    </row>
    <row r="31" spans="1:11" ht="15" customHeight="1">
      <c r="A31" s="17" t="s">
        <v>59</v>
      </c>
      <c r="B31" s="17"/>
      <c r="C31" s="13">
        <v>2163</v>
      </c>
      <c r="D31" s="19">
        <v>1263</v>
      </c>
      <c r="E31" s="19">
        <v>900</v>
      </c>
      <c r="F31" s="19"/>
      <c r="G31" s="18" t="s">
        <v>60</v>
      </c>
      <c r="H31" s="17"/>
      <c r="I31" s="13">
        <v>2741</v>
      </c>
      <c r="J31" s="19">
        <v>1310</v>
      </c>
      <c r="K31" s="19">
        <v>1431</v>
      </c>
    </row>
    <row r="32" spans="1:11" ht="15" customHeight="1">
      <c r="A32" s="17" t="s">
        <v>61</v>
      </c>
      <c r="B32" s="17"/>
      <c r="C32" s="13">
        <v>2049</v>
      </c>
      <c r="D32" s="19">
        <v>1193</v>
      </c>
      <c r="E32" s="19">
        <v>856</v>
      </c>
      <c r="F32" s="19"/>
      <c r="G32" s="18" t="s">
        <v>62</v>
      </c>
      <c r="H32" s="17"/>
      <c r="I32" s="13">
        <v>3221</v>
      </c>
      <c r="J32" s="19">
        <v>1515</v>
      </c>
      <c r="K32" s="19">
        <v>1706</v>
      </c>
    </row>
    <row r="33" spans="1:11" ht="15" customHeight="1">
      <c r="A33" s="17" t="s">
        <v>63</v>
      </c>
      <c r="B33" s="17"/>
      <c r="C33" s="13">
        <v>1910</v>
      </c>
      <c r="D33" s="19">
        <v>1138</v>
      </c>
      <c r="E33" s="19">
        <v>772</v>
      </c>
      <c r="F33" s="19"/>
      <c r="G33" s="18" t="s">
        <v>64</v>
      </c>
      <c r="H33" s="17"/>
      <c r="I33" s="13">
        <v>3114</v>
      </c>
      <c r="J33" s="19">
        <v>1497</v>
      </c>
      <c r="K33" s="19">
        <v>1617</v>
      </c>
    </row>
    <row r="34" spans="1:11" ht="15" customHeight="1">
      <c r="A34" s="17" t="s">
        <v>65</v>
      </c>
      <c r="B34" s="17"/>
      <c r="C34" s="13">
        <v>1611</v>
      </c>
      <c r="D34" s="19">
        <v>896</v>
      </c>
      <c r="E34" s="19">
        <v>715</v>
      </c>
      <c r="F34" s="19"/>
      <c r="G34" s="18" t="s">
        <v>66</v>
      </c>
      <c r="H34" s="17"/>
      <c r="I34" s="13">
        <v>2838</v>
      </c>
      <c r="J34" s="19">
        <v>1372</v>
      </c>
      <c r="K34" s="19">
        <v>1466</v>
      </c>
    </row>
    <row r="35" spans="1:11" ht="20.100000000000001" customHeight="1">
      <c r="A35" s="17" t="s">
        <v>67</v>
      </c>
      <c r="B35" s="17"/>
      <c r="C35" s="13">
        <v>6681</v>
      </c>
      <c r="D35" s="14">
        <v>3519</v>
      </c>
      <c r="E35" s="14">
        <v>3162</v>
      </c>
      <c r="F35" s="14"/>
      <c r="G35" s="18" t="s">
        <v>68</v>
      </c>
      <c r="H35" s="17"/>
      <c r="I35" s="13">
        <v>10049</v>
      </c>
      <c r="J35" s="14">
        <v>4788</v>
      </c>
      <c r="K35" s="14">
        <v>5261</v>
      </c>
    </row>
    <row r="36" spans="1:11" ht="15" customHeight="1">
      <c r="A36" s="17" t="s">
        <v>69</v>
      </c>
      <c r="B36" s="17"/>
      <c r="C36" s="13">
        <v>1385</v>
      </c>
      <c r="D36" s="19">
        <v>742</v>
      </c>
      <c r="E36" s="19">
        <v>643</v>
      </c>
      <c r="F36" s="19"/>
      <c r="G36" s="18" t="s">
        <v>70</v>
      </c>
      <c r="H36" s="17"/>
      <c r="I36" s="13">
        <v>2029</v>
      </c>
      <c r="J36" s="19">
        <v>957</v>
      </c>
      <c r="K36" s="19">
        <v>1072</v>
      </c>
    </row>
    <row r="37" spans="1:11" ht="15" customHeight="1">
      <c r="A37" s="17" t="s">
        <v>71</v>
      </c>
      <c r="B37" s="17"/>
      <c r="C37" s="13">
        <v>1360</v>
      </c>
      <c r="D37" s="19">
        <v>728</v>
      </c>
      <c r="E37" s="19">
        <v>632</v>
      </c>
      <c r="F37" s="19"/>
      <c r="G37" s="18" t="s">
        <v>72</v>
      </c>
      <c r="H37" s="17"/>
      <c r="I37" s="13">
        <v>1716</v>
      </c>
      <c r="J37" s="19">
        <v>837</v>
      </c>
      <c r="K37" s="19">
        <v>879</v>
      </c>
    </row>
    <row r="38" spans="1:11" ht="15" customHeight="1">
      <c r="A38" s="17" t="s">
        <v>73</v>
      </c>
      <c r="B38" s="17"/>
      <c r="C38" s="13">
        <v>1421</v>
      </c>
      <c r="D38" s="19">
        <v>750</v>
      </c>
      <c r="E38" s="19">
        <v>671</v>
      </c>
      <c r="F38" s="19"/>
      <c r="G38" s="18" t="s">
        <v>74</v>
      </c>
      <c r="H38" s="17"/>
      <c r="I38" s="13">
        <v>2126</v>
      </c>
      <c r="J38" s="19">
        <v>1008</v>
      </c>
      <c r="K38" s="19">
        <v>1118</v>
      </c>
    </row>
    <row r="39" spans="1:11" ht="15" customHeight="1">
      <c r="A39" s="17" t="s">
        <v>75</v>
      </c>
      <c r="B39" s="17"/>
      <c r="C39" s="13">
        <v>1277</v>
      </c>
      <c r="D39" s="19">
        <v>667</v>
      </c>
      <c r="E39" s="19">
        <v>610</v>
      </c>
      <c r="F39" s="19"/>
      <c r="G39" s="18" t="s">
        <v>76</v>
      </c>
      <c r="H39" s="17"/>
      <c r="I39" s="13">
        <v>2176</v>
      </c>
      <c r="J39" s="19">
        <v>1044</v>
      </c>
      <c r="K39" s="19">
        <v>1132</v>
      </c>
    </row>
    <row r="40" spans="1:11" ht="15" customHeight="1">
      <c r="A40" s="17" t="s">
        <v>77</v>
      </c>
      <c r="B40" s="17"/>
      <c r="C40" s="13">
        <v>1238</v>
      </c>
      <c r="D40" s="19">
        <v>632</v>
      </c>
      <c r="E40" s="19">
        <v>606</v>
      </c>
      <c r="F40" s="19"/>
      <c r="G40" s="18" t="s">
        <v>78</v>
      </c>
      <c r="H40" s="17"/>
      <c r="I40" s="13">
        <v>2002</v>
      </c>
      <c r="J40" s="19">
        <v>942</v>
      </c>
      <c r="K40" s="19">
        <v>1060</v>
      </c>
    </row>
    <row r="41" spans="1:11" ht="20.100000000000001" customHeight="1">
      <c r="A41" s="17" t="s">
        <v>79</v>
      </c>
      <c r="B41" s="17"/>
      <c r="C41" s="13">
        <v>6826</v>
      </c>
      <c r="D41" s="14">
        <v>3629</v>
      </c>
      <c r="E41" s="14">
        <v>3197</v>
      </c>
      <c r="F41" s="14"/>
      <c r="G41" s="18" t="s">
        <v>80</v>
      </c>
      <c r="H41" s="17"/>
      <c r="I41" s="13">
        <v>7369</v>
      </c>
      <c r="J41" s="14">
        <v>3352</v>
      </c>
      <c r="K41" s="14">
        <v>4017</v>
      </c>
    </row>
    <row r="42" spans="1:11" ht="15" customHeight="1">
      <c r="A42" s="17" t="s">
        <v>81</v>
      </c>
      <c r="B42" s="17"/>
      <c r="C42" s="13">
        <v>1307</v>
      </c>
      <c r="D42" s="19">
        <v>694</v>
      </c>
      <c r="E42" s="19">
        <v>613</v>
      </c>
      <c r="F42" s="19"/>
      <c r="G42" s="18" t="s">
        <v>82</v>
      </c>
      <c r="H42" s="17"/>
      <c r="I42" s="13">
        <v>1928</v>
      </c>
      <c r="J42" s="19">
        <v>881</v>
      </c>
      <c r="K42" s="19">
        <v>1047</v>
      </c>
    </row>
    <row r="43" spans="1:11" ht="15" customHeight="1">
      <c r="A43" s="17" t="s">
        <v>83</v>
      </c>
      <c r="B43" s="17"/>
      <c r="C43" s="13">
        <v>1315</v>
      </c>
      <c r="D43" s="19">
        <v>697</v>
      </c>
      <c r="E43" s="19">
        <v>618</v>
      </c>
      <c r="F43" s="19"/>
      <c r="G43" s="18" t="s">
        <v>84</v>
      </c>
      <c r="H43" s="17"/>
      <c r="I43" s="13">
        <v>1637</v>
      </c>
      <c r="J43" s="19">
        <v>767</v>
      </c>
      <c r="K43" s="19">
        <v>870</v>
      </c>
    </row>
    <row r="44" spans="1:11" ht="15" customHeight="1">
      <c r="A44" s="17" t="s">
        <v>85</v>
      </c>
      <c r="B44" s="17"/>
      <c r="C44" s="13">
        <v>1316</v>
      </c>
      <c r="D44" s="19">
        <v>720</v>
      </c>
      <c r="E44" s="19">
        <v>596</v>
      </c>
      <c r="F44" s="19"/>
      <c r="G44" s="18" t="s">
        <v>86</v>
      </c>
      <c r="H44" s="17"/>
      <c r="I44" s="13">
        <v>1362</v>
      </c>
      <c r="J44" s="19">
        <v>629</v>
      </c>
      <c r="K44" s="19">
        <v>733</v>
      </c>
    </row>
    <row r="45" spans="1:11" ht="15" customHeight="1">
      <c r="A45" s="17" t="s">
        <v>87</v>
      </c>
      <c r="B45" s="17"/>
      <c r="C45" s="13">
        <v>1440</v>
      </c>
      <c r="D45" s="19">
        <v>745</v>
      </c>
      <c r="E45" s="19">
        <v>695</v>
      </c>
      <c r="F45" s="19"/>
      <c r="G45" s="18" t="s">
        <v>88</v>
      </c>
      <c r="H45" s="17"/>
      <c r="I45" s="13">
        <v>1195</v>
      </c>
      <c r="J45" s="19">
        <v>556</v>
      </c>
      <c r="K45" s="19">
        <v>639</v>
      </c>
    </row>
    <row r="46" spans="1:11" ht="15" customHeight="1">
      <c r="A46" s="17" t="s">
        <v>89</v>
      </c>
      <c r="B46" s="17"/>
      <c r="C46" s="13">
        <v>1448</v>
      </c>
      <c r="D46" s="19">
        <v>773</v>
      </c>
      <c r="E46" s="19">
        <v>675</v>
      </c>
      <c r="F46" s="19"/>
      <c r="G46" s="18" t="s">
        <v>90</v>
      </c>
      <c r="H46" s="17"/>
      <c r="I46" s="13">
        <v>1247</v>
      </c>
      <c r="J46" s="19">
        <v>519</v>
      </c>
      <c r="K46" s="19">
        <v>728</v>
      </c>
    </row>
    <row r="47" spans="1:11" ht="20.100000000000001" customHeight="1">
      <c r="A47" s="17" t="s">
        <v>91</v>
      </c>
      <c r="B47" s="17"/>
      <c r="C47" s="13">
        <v>8210</v>
      </c>
      <c r="D47" s="14">
        <v>4282</v>
      </c>
      <c r="E47" s="14">
        <v>3928</v>
      </c>
      <c r="F47" s="14"/>
      <c r="G47" s="18" t="s">
        <v>92</v>
      </c>
      <c r="H47" s="17"/>
      <c r="I47" s="13">
        <v>4179</v>
      </c>
      <c r="J47" s="14">
        <v>1603</v>
      </c>
      <c r="K47" s="14">
        <v>2576</v>
      </c>
    </row>
    <row r="48" spans="1:11" ht="15" customHeight="1">
      <c r="A48" s="17" t="s">
        <v>93</v>
      </c>
      <c r="B48" s="17"/>
      <c r="C48" s="13">
        <v>1452</v>
      </c>
      <c r="D48" s="19">
        <v>776</v>
      </c>
      <c r="E48" s="19">
        <v>676</v>
      </c>
      <c r="F48" s="19"/>
      <c r="G48" s="18" t="s">
        <v>94</v>
      </c>
      <c r="H48" s="17"/>
      <c r="I48" s="13">
        <v>1013</v>
      </c>
      <c r="J48" s="19">
        <v>422</v>
      </c>
      <c r="K48" s="19">
        <v>591</v>
      </c>
    </row>
    <row r="49" spans="1:11" ht="15" customHeight="1">
      <c r="A49" s="17" t="s">
        <v>95</v>
      </c>
      <c r="B49" s="17"/>
      <c r="C49" s="13">
        <v>1568</v>
      </c>
      <c r="D49" s="19">
        <v>820</v>
      </c>
      <c r="E49" s="19">
        <v>748</v>
      </c>
      <c r="F49" s="19"/>
      <c r="G49" s="18" t="s">
        <v>96</v>
      </c>
      <c r="H49" s="17"/>
      <c r="I49" s="13">
        <v>959</v>
      </c>
      <c r="J49" s="19">
        <v>383</v>
      </c>
      <c r="K49" s="19">
        <v>576</v>
      </c>
    </row>
    <row r="50" spans="1:11" ht="15" customHeight="1">
      <c r="A50" s="17" t="s">
        <v>97</v>
      </c>
      <c r="B50" s="17"/>
      <c r="C50" s="13">
        <v>1676</v>
      </c>
      <c r="D50" s="19">
        <v>862</v>
      </c>
      <c r="E50" s="19">
        <v>814</v>
      </c>
      <c r="F50" s="19"/>
      <c r="G50" s="18" t="s">
        <v>98</v>
      </c>
      <c r="H50" s="17"/>
      <c r="I50" s="13">
        <v>847</v>
      </c>
      <c r="J50" s="19">
        <v>321</v>
      </c>
      <c r="K50" s="19">
        <v>526</v>
      </c>
    </row>
    <row r="51" spans="1:11" ht="15" customHeight="1">
      <c r="A51" s="17" t="s">
        <v>99</v>
      </c>
      <c r="B51" s="17"/>
      <c r="C51" s="13">
        <v>1753</v>
      </c>
      <c r="D51" s="19">
        <v>894</v>
      </c>
      <c r="E51" s="19">
        <v>859</v>
      </c>
      <c r="F51" s="19"/>
      <c r="G51" s="18" t="s">
        <v>100</v>
      </c>
      <c r="H51" s="17"/>
      <c r="I51" s="13">
        <v>691</v>
      </c>
      <c r="J51" s="19">
        <v>244</v>
      </c>
      <c r="K51" s="19">
        <v>447</v>
      </c>
    </row>
    <row r="52" spans="1:11" ht="15" customHeight="1">
      <c r="A52" s="17" t="s">
        <v>101</v>
      </c>
      <c r="B52" s="17"/>
      <c r="C52" s="13">
        <v>1761</v>
      </c>
      <c r="D52" s="19">
        <v>930</v>
      </c>
      <c r="E52" s="19">
        <v>831</v>
      </c>
      <c r="F52" s="19"/>
      <c r="G52" s="18" t="s">
        <v>102</v>
      </c>
      <c r="H52" s="17"/>
      <c r="I52" s="13">
        <v>669</v>
      </c>
      <c r="J52" s="19">
        <v>233</v>
      </c>
      <c r="K52" s="19">
        <v>436</v>
      </c>
    </row>
    <row r="53" spans="1:11" ht="20.100000000000001" customHeight="1">
      <c r="A53" s="17" t="s">
        <v>103</v>
      </c>
      <c r="B53" s="17"/>
      <c r="C53" s="13">
        <v>10158</v>
      </c>
      <c r="D53" s="14">
        <v>5327</v>
      </c>
      <c r="E53" s="14">
        <v>4831</v>
      </c>
      <c r="F53" s="14"/>
      <c r="G53" s="18" t="s">
        <v>104</v>
      </c>
      <c r="H53" s="17"/>
      <c r="I53" s="13">
        <v>1948</v>
      </c>
      <c r="J53" s="14">
        <v>550</v>
      </c>
      <c r="K53" s="14">
        <v>1398</v>
      </c>
    </row>
    <row r="54" spans="1:11" ht="15" customHeight="1">
      <c r="A54" s="17" t="s">
        <v>105</v>
      </c>
      <c r="B54" s="17"/>
      <c r="C54" s="13">
        <v>1998</v>
      </c>
      <c r="D54" s="19">
        <v>1050</v>
      </c>
      <c r="E54" s="19">
        <v>948</v>
      </c>
      <c r="F54" s="19"/>
      <c r="G54" s="18" t="s">
        <v>106</v>
      </c>
      <c r="H54" s="17"/>
      <c r="I54" s="13">
        <v>546</v>
      </c>
      <c r="J54" s="19">
        <v>178</v>
      </c>
      <c r="K54" s="19">
        <v>368</v>
      </c>
    </row>
    <row r="55" spans="1:11" ht="15" customHeight="1">
      <c r="A55" s="17" t="s">
        <v>107</v>
      </c>
      <c r="B55" s="17"/>
      <c r="C55" s="13">
        <v>1839</v>
      </c>
      <c r="D55" s="19">
        <v>991</v>
      </c>
      <c r="E55" s="19">
        <v>848</v>
      </c>
      <c r="F55" s="19"/>
      <c r="G55" s="18" t="s">
        <v>108</v>
      </c>
      <c r="H55" s="17"/>
      <c r="I55" s="13">
        <v>493</v>
      </c>
      <c r="J55" s="19">
        <v>160</v>
      </c>
      <c r="K55" s="19">
        <v>333</v>
      </c>
    </row>
    <row r="56" spans="1:11" ht="15" customHeight="1">
      <c r="A56" s="17" t="s">
        <v>109</v>
      </c>
      <c r="B56" s="17"/>
      <c r="C56" s="13">
        <v>2049</v>
      </c>
      <c r="D56" s="19">
        <v>1060</v>
      </c>
      <c r="E56" s="19">
        <v>989</v>
      </c>
      <c r="F56" s="19"/>
      <c r="G56" s="18" t="s">
        <v>110</v>
      </c>
      <c r="H56" s="17"/>
      <c r="I56" s="13">
        <v>375</v>
      </c>
      <c r="J56" s="19">
        <v>101</v>
      </c>
      <c r="K56" s="19">
        <v>274</v>
      </c>
    </row>
    <row r="57" spans="1:11" ht="15" customHeight="1">
      <c r="A57" s="17" t="s">
        <v>111</v>
      </c>
      <c r="B57" s="17"/>
      <c r="C57" s="13">
        <v>2120</v>
      </c>
      <c r="D57" s="19">
        <v>1074</v>
      </c>
      <c r="E57" s="19">
        <v>1046</v>
      </c>
      <c r="F57" s="19"/>
      <c r="G57" s="18" t="s">
        <v>112</v>
      </c>
      <c r="H57" s="17"/>
      <c r="I57" s="13">
        <v>342</v>
      </c>
      <c r="J57" s="19">
        <v>78</v>
      </c>
      <c r="K57" s="19">
        <v>264</v>
      </c>
    </row>
    <row r="58" spans="1:11" ht="15" customHeight="1">
      <c r="A58" s="17" t="s">
        <v>113</v>
      </c>
      <c r="B58" s="17"/>
      <c r="C58" s="13">
        <v>2152</v>
      </c>
      <c r="D58" s="19">
        <v>1152</v>
      </c>
      <c r="E58" s="19">
        <v>1000</v>
      </c>
      <c r="F58" s="19"/>
      <c r="G58" s="18" t="s">
        <v>114</v>
      </c>
      <c r="H58" s="17"/>
      <c r="I58" s="13">
        <v>192</v>
      </c>
      <c r="J58" s="19">
        <v>33</v>
      </c>
      <c r="K58" s="19">
        <v>159</v>
      </c>
    </row>
    <row r="59" spans="1:11" ht="20.100000000000001" customHeight="1">
      <c r="A59" s="17" t="s">
        <v>115</v>
      </c>
      <c r="B59" s="17"/>
      <c r="C59" s="13">
        <v>12298</v>
      </c>
      <c r="D59" s="14">
        <v>6380</v>
      </c>
      <c r="E59" s="14">
        <v>5918</v>
      </c>
      <c r="F59" s="14"/>
      <c r="G59" s="18" t="s">
        <v>116</v>
      </c>
      <c r="H59" s="17"/>
      <c r="I59" s="13">
        <v>586</v>
      </c>
      <c r="J59" s="14">
        <v>129</v>
      </c>
      <c r="K59" s="14">
        <v>457</v>
      </c>
    </row>
    <row r="60" spans="1:11" ht="15" customHeight="1">
      <c r="A60" s="17" t="s">
        <v>117</v>
      </c>
      <c r="B60" s="17"/>
      <c r="C60" s="13">
        <v>2227</v>
      </c>
      <c r="D60" s="19">
        <v>1156</v>
      </c>
      <c r="E60" s="19">
        <v>1071</v>
      </c>
      <c r="F60" s="19"/>
      <c r="G60" s="18" t="s">
        <v>118</v>
      </c>
      <c r="H60" s="17"/>
      <c r="I60" s="13">
        <v>202</v>
      </c>
      <c r="J60" s="19">
        <v>50</v>
      </c>
      <c r="K60" s="19">
        <v>152</v>
      </c>
    </row>
    <row r="61" spans="1:11" ht="15" customHeight="1">
      <c r="A61" s="17" t="s">
        <v>119</v>
      </c>
      <c r="B61" s="17"/>
      <c r="C61" s="13">
        <v>2309</v>
      </c>
      <c r="D61" s="19">
        <v>1202</v>
      </c>
      <c r="E61" s="19">
        <v>1107</v>
      </c>
      <c r="F61" s="19"/>
      <c r="G61" s="18" t="s">
        <v>120</v>
      </c>
      <c r="H61" s="17"/>
      <c r="I61" s="13">
        <v>155</v>
      </c>
      <c r="J61" s="19">
        <v>29</v>
      </c>
      <c r="K61" s="19">
        <v>126</v>
      </c>
    </row>
    <row r="62" spans="1:11" ht="15" customHeight="1">
      <c r="A62" s="17" t="s">
        <v>121</v>
      </c>
      <c r="B62" s="17"/>
      <c r="C62" s="13">
        <v>2535</v>
      </c>
      <c r="D62" s="19">
        <v>1323</v>
      </c>
      <c r="E62" s="19">
        <v>1212</v>
      </c>
      <c r="F62" s="19"/>
      <c r="G62" s="18" t="s">
        <v>122</v>
      </c>
      <c r="H62" s="17"/>
      <c r="I62" s="13">
        <v>91</v>
      </c>
      <c r="J62" s="19">
        <v>20</v>
      </c>
      <c r="K62" s="19">
        <v>71</v>
      </c>
    </row>
    <row r="63" spans="1:11" ht="15" customHeight="1">
      <c r="A63" s="17" t="s">
        <v>123</v>
      </c>
      <c r="B63" s="17"/>
      <c r="C63" s="13">
        <v>2653</v>
      </c>
      <c r="D63" s="19">
        <v>1337</v>
      </c>
      <c r="E63" s="19">
        <v>1316</v>
      </c>
      <c r="F63" s="19"/>
      <c r="G63" s="18" t="s">
        <v>124</v>
      </c>
      <c r="H63" s="17"/>
      <c r="I63" s="13">
        <v>71</v>
      </c>
      <c r="J63" s="19">
        <v>18</v>
      </c>
      <c r="K63" s="19">
        <v>53</v>
      </c>
    </row>
    <row r="64" spans="1:11" ht="15" customHeight="1">
      <c r="A64" s="17" t="s">
        <v>125</v>
      </c>
      <c r="B64" s="17"/>
      <c r="C64" s="13">
        <v>2574</v>
      </c>
      <c r="D64" s="19">
        <v>1362</v>
      </c>
      <c r="E64" s="19">
        <v>1212</v>
      </c>
      <c r="F64" s="19"/>
      <c r="G64" s="18" t="s">
        <v>126</v>
      </c>
      <c r="H64" s="17"/>
      <c r="I64" s="13">
        <v>67</v>
      </c>
      <c r="J64" s="19">
        <v>12</v>
      </c>
      <c r="K64" s="19">
        <v>55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74</v>
      </c>
      <c r="J65" s="19">
        <v>8</v>
      </c>
      <c r="K65" s="19">
        <v>66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2899</v>
      </c>
      <c r="J66" s="27">
        <v>1814</v>
      </c>
      <c r="K66" s="27">
        <v>1085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38" t="s">
        <v>175</v>
      </c>
      <c r="B2" s="38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01113</v>
      </c>
      <c r="D4" s="14">
        <v>51115</v>
      </c>
      <c r="E4" s="14">
        <v>49998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3379</v>
      </c>
      <c r="D5" s="14">
        <v>1745</v>
      </c>
      <c r="E5" s="14">
        <v>1634</v>
      </c>
      <c r="F5" s="14"/>
      <c r="G5" s="18" t="s">
        <v>8</v>
      </c>
      <c r="H5" s="17"/>
      <c r="I5" s="13">
        <v>8023</v>
      </c>
      <c r="J5" s="14">
        <v>4206</v>
      </c>
      <c r="K5" s="14">
        <v>3817</v>
      </c>
    </row>
    <row r="6" spans="1:11" ht="15" customHeight="1">
      <c r="A6" s="17" t="s">
        <v>9</v>
      </c>
      <c r="B6" s="17"/>
      <c r="C6" s="13">
        <v>607</v>
      </c>
      <c r="D6" s="19">
        <v>315</v>
      </c>
      <c r="E6" s="19">
        <v>292</v>
      </c>
      <c r="F6" s="19"/>
      <c r="G6" s="18" t="s">
        <v>10</v>
      </c>
      <c r="H6" s="17"/>
      <c r="I6" s="13">
        <v>1647</v>
      </c>
      <c r="J6" s="19">
        <v>856</v>
      </c>
      <c r="K6" s="19">
        <v>791</v>
      </c>
    </row>
    <row r="7" spans="1:11" ht="15" customHeight="1">
      <c r="A7" s="17" t="s">
        <v>11</v>
      </c>
      <c r="B7" s="17"/>
      <c r="C7" s="13">
        <v>691</v>
      </c>
      <c r="D7" s="19">
        <v>363</v>
      </c>
      <c r="E7" s="19">
        <v>328</v>
      </c>
      <c r="F7" s="19"/>
      <c r="G7" s="18" t="s">
        <v>12</v>
      </c>
      <c r="H7" s="17"/>
      <c r="I7" s="13">
        <v>1611</v>
      </c>
      <c r="J7" s="19">
        <v>808</v>
      </c>
      <c r="K7" s="19">
        <v>803</v>
      </c>
    </row>
    <row r="8" spans="1:11" ht="15" customHeight="1">
      <c r="A8" s="17" t="s">
        <v>13</v>
      </c>
      <c r="B8" s="17"/>
      <c r="C8" s="13">
        <v>678</v>
      </c>
      <c r="D8" s="19">
        <v>364</v>
      </c>
      <c r="E8" s="19">
        <v>314</v>
      </c>
      <c r="F8" s="19"/>
      <c r="G8" s="18" t="s">
        <v>14</v>
      </c>
      <c r="H8" s="17"/>
      <c r="I8" s="13">
        <v>1558</v>
      </c>
      <c r="J8" s="19">
        <v>834</v>
      </c>
      <c r="K8" s="19">
        <v>724</v>
      </c>
    </row>
    <row r="9" spans="1:11" ht="15" customHeight="1">
      <c r="A9" s="17" t="s">
        <v>15</v>
      </c>
      <c r="B9" s="17"/>
      <c r="C9" s="13">
        <v>699</v>
      </c>
      <c r="D9" s="19">
        <v>353</v>
      </c>
      <c r="E9" s="19">
        <v>346</v>
      </c>
      <c r="F9" s="19"/>
      <c r="G9" s="18" t="s">
        <v>16</v>
      </c>
      <c r="H9" s="17"/>
      <c r="I9" s="13">
        <v>1568</v>
      </c>
      <c r="J9" s="19">
        <v>853</v>
      </c>
      <c r="K9" s="19">
        <v>715</v>
      </c>
    </row>
    <row r="10" spans="1:11" ht="15" customHeight="1">
      <c r="A10" s="17" t="s">
        <v>17</v>
      </c>
      <c r="B10" s="17"/>
      <c r="C10" s="13">
        <v>704</v>
      </c>
      <c r="D10" s="19">
        <v>350</v>
      </c>
      <c r="E10" s="19">
        <v>354</v>
      </c>
      <c r="F10" s="19"/>
      <c r="G10" s="18" t="s">
        <v>18</v>
      </c>
      <c r="H10" s="17"/>
      <c r="I10" s="13">
        <v>1639</v>
      </c>
      <c r="J10" s="19">
        <v>855</v>
      </c>
      <c r="K10" s="19">
        <v>784</v>
      </c>
    </row>
    <row r="11" spans="1:11" ht="20.100000000000001" customHeight="1">
      <c r="A11" s="17" t="s">
        <v>19</v>
      </c>
      <c r="B11" s="17"/>
      <c r="C11" s="13">
        <v>3878</v>
      </c>
      <c r="D11" s="14">
        <v>1984</v>
      </c>
      <c r="E11" s="14">
        <v>1894</v>
      </c>
      <c r="F11" s="14"/>
      <c r="G11" s="18" t="s">
        <v>20</v>
      </c>
      <c r="H11" s="17"/>
      <c r="I11" s="13">
        <v>6289</v>
      </c>
      <c r="J11" s="14">
        <v>3295</v>
      </c>
      <c r="K11" s="14">
        <v>2994</v>
      </c>
    </row>
    <row r="12" spans="1:11" ht="15" customHeight="1">
      <c r="A12" s="17" t="s">
        <v>21</v>
      </c>
      <c r="B12" s="17"/>
      <c r="C12" s="13">
        <v>737</v>
      </c>
      <c r="D12" s="19">
        <v>385</v>
      </c>
      <c r="E12" s="19">
        <v>352</v>
      </c>
      <c r="F12" s="19"/>
      <c r="G12" s="18" t="s">
        <v>22</v>
      </c>
      <c r="H12" s="17"/>
      <c r="I12" s="13">
        <v>1134</v>
      </c>
      <c r="J12" s="19">
        <v>602</v>
      </c>
      <c r="K12" s="19">
        <v>532</v>
      </c>
    </row>
    <row r="13" spans="1:11" ht="15" customHeight="1">
      <c r="A13" s="17" t="s">
        <v>23</v>
      </c>
      <c r="B13" s="17"/>
      <c r="C13" s="13">
        <v>758</v>
      </c>
      <c r="D13" s="19">
        <v>387</v>
      </c>
      <c r="E13" s="19">
        <v>371</v>
      </c>
      <c r="F13" s="19"/>
      <c r="G13" s="18" t="s">
        <v>24</v>
      </c>
      <c r="H13" s="17"/>
      <c r="I13" s="13">
        <v>1422</v>
      </c>
      <c r="J13" s="19">
        <v>749</v>
      </c>
      <c r="K13" s="19">
        <v>673</v>
      </c>
    </row>
    <row r="14" spans="1:11" ht="15" customHeight="1">
      <c r="A14" s="17" t="s">
        <v>25</v>
      </c>
      <c r="B14" s="17"/>
      <c r="C14" s="13">
        <v>776</v>
      </c>
      <c r="D14" s="19">
        <v>400</v>
      </c>
      <c r="E14" s="19">
        <v>376</v>
      </c>
      <c r="F14" s="19"/>
      <c r="G14" s="18" t="s">
        <v>26</v>
      </c>
      <c r="H14" s="17"/>
      <c r="I14" s="13">
        <v>1312</v>
      </c>
      <c r="J14" s="19">
        <v>682</v>
      </c>
      <c r="K14" s="19">
        <v>630</v>
      </c>
    </row>
    <row r="15" spans="1:11" ht="15" customHeight="1">
      <c r="A15" s="17" t="s">
        <v>27</v>
      </c>
      <c r="B15" s="17"/>
      <c r="C15" s="13">
        <v>794</v>
      </c>
      <c r="D15" s="19">
        <v>398</v>
      </c>
      <c r="E15" s="19">
        <v>396</v>
      </c>
      <c r="F15" s="19"/>
      <c r="G15" s="18" t="s">
        <v>28</v>
      </c>
      <c r="H15" s="17"/>
      <c r="I15" s="13">
        <v>1240</v>
      </c>
      <c r="J15" s="19">
        <v>645</v>
      </c>
      <c r="K15" s="19">
        <v>595</v>
      </c>
    </row>
    <row r="16" spans="1:11" ht="15" customHeight="1">
      <c r="A16" s="17" t="s">
        <v>29</v>
      </c>
      <c r="B16" s="17"/>
      <c r="C16" s="13">
        <v>813</v>
      </c>
      <c r="D16" s="19">
        <v>414</v>
      </c>
      <c r="E16" s="19">
        <v>399</v>
      </c>
      <c r="F16" s="19"/>
      <c r="G16" s="18" t="s">
        <v>30</v>
      </c>
      <c r="H16" s="17"/>
      <c r="I16" s="13">
        <v>1181</v>
      </c>
      <c r="J16" s="19">
        <v>617</v>
      </c>
      <c r="K16" s="19">
        <v>564</v>
      </c>
    </row>
    <row r="17" spans="1:11" ht="20.100000000000001" customHeight="1">
      <c r="A17" s="20" t="s">
        <v>31</v>
      </c>
      <c r="B17" s="20"/>
      <c r="C17" s="13">
        <v>4051</v>
      </c>
      <c r="D17" s="14">
        <v>2000</v>
      </c>
      <c r="E17" s="14">
        <v>2051</v>
      </c>
      <c r="F17" s="14"/>
      <c r="G17" s="18" t="s">
        <v>32</v>
      </c>
      <c r="H17" s="17"/>
      <c r="I17" s="13">
        <v>5411</v>
      </c>
      <c r="J17" s="14">
        <v>2767</v>
      </c>
      <c r="K17" s="14">
        <v>2644</v>
      </c>
    </row>
    <row r="18" spans="1:11" ht="15" customHeight="1">
      <c r="A18" s="17" t="s">
        <v>33</v>
      </c>
      <c r="B18" s="17"/>
      <c r="C18" s="13">
        <v>794</v>
      </c>
      <c r="D18" s="19">
        <v>391</v>
      </c>
      <c r="E18" s="19">
        <v>403</v>
      </c>
      <c r="F18" s="19"/>
      <c r="G18" s="18" t="s">
        <v>34</v>
      </c>
      <c r="H18" s="17"/>
      <c r="I18" s="13">
        <v>1221</v>
      </c>
      <c r="J18" s="19">
        <v>653</v>
      </c>
      <c r="K18" s="19">
        <v>568</v>
      </c>
    </row>
    <row r="19" spans="1:11" ht="15" customHeight="1">
      <c r="A19" s="17" t="s">
        <v>35</v>
      </c>
      <c r="B19" s="17"/>
      <c r="C19" s="13">
        <v>771</v>
      </c>
      <c r="D19" s="19">
        <v>394</v>
      </c>
      <c r="E19" s="19">
        <v>377</v>
      </c>
      <c r="F19" s="19"/>
      <c r="G19" s="18" t="s">
        <v>36</v>
      </c>
      <c r="H19" s="17"/>
      <c r="I19" s="13">
        <v>1081</v>
      </c>
      <c r="J19" s="19">
        <v>529</v>
      </c>
      <c r="K19" s="19">
        <v>552</v>
      </c>
    </row>
    <row r="20" spans="1:11" ht="15" customHeight="1">
      <c r="A20" s="17" t="s">
        <v>37</v>
      </c>
      <c r="B20" s="17"/>
      <c r="C20" s="13">
        <v>790</v>
      </c>
      <c r="D20" s="19">
        <v>391</v>
      </c>
      <c r="E20" s="19">
        <v>399</v>
      </c>
      <c r="F20" s="19"/>
      <c r="G20" s="18" t="s">
        <v>38</v>
      </c>
      <c r="H20" s="17"/>
      <c r="I20" s="13">
        <v>1059</v>
      </c>
      <c r="J20" s="19">
        <v>567</v>
      </c>
      <c r="K20" s="19">
        <v>492</v>
      </c>
    </row>
    <row r="21" spans="1:11" ht="15" customHeight="1">
      <c r="A21" s="17" t="s">
        <v>39</v>
      </c>
      <c r="B21" s="17"/>
      <c r="C21" s="13">
        <v>851</v>
      </c>
      <c r="D21" s="19">
        <v>406</v>
      </c>
      <c r="E21" s="19">
        <v>445</v>
      </c>
      <c r="F21" s="19"/>
      <c r="G21" s="18" t="s">
        <v>40</v>
      </c>
      <c r="H21" s="17"/>
      <c r="I21" s="13">
        <v>1066</v>
      </c>
      <c r="J21" s="19">
        <v>514</v>
      </c>
      <c r="K21" s="19">
        <v>552</v>
      </c>
    </row>
    <row r="22" spans="1:11" ht="15" customHeight="1">
      <c r="A22" s="17" t="s">
        <v>41</v>
      </c>
      <c r="B22" s="17"/>
      <c r="C22" s="13">
        <v>845</v>
      </c>
      <c r="D22" s="19">
        <v>418</v>
      </c>
      <c r="E22" s="19">
        <v>427</v>
      </c>
      <c r="F22" s="19"/>
      <c r="G22" s="18" t="s">
        <v>42</v>
      </c>
      <c r="H22" s="17"/>
      <c r="I22" s="13">
        <v>984</v>
      </c>
      <c r="J22" s="19">
        <v>504</v>
      </c>
      <c r="K22" s="19">
        <v>480</v>
      </c>
    </row>
    <row r="23" spans="1:11" ht="20.100000000000001" customHeight="1">
      <c r="A23" s="17" t="s">
        <v>43</v>
      </c>
      <c r="B23" s="17"/>
      <c r="C23" s="13">
        <v>4496</v>
      </c>
      <c r="D23" s="14">
        <v>2363</v>
      </c>
      <c r="E23" s="14">
        <v>2133</v>
      </c>
      <c r="F23" s="14"/>
      <c r="G23" s="18" t="s">
        <v>44</v>
      </c>
      <c r="H23" s="17"/>
      <c r="I23" s="13">
        <v>5564</v>
      </c>
      <c r="J23" s="14">
        <v>2797</v>
      </c>
      <c r="K23" s="14">
        <v>2767</v>
      </c>
    </row>
    <row r="24" spans="1:11" ht="15" customHeight="1">
      <c r="A24" s="17" t="s">
        <v>45</v>
      </c>
      <c r="B24" s="17"/>
      <c r="C24" s="13">
        <v>872</v>
      </c>
      <c r="D24" s="19">
        <v>465</v>
      </c>
      <c r="E24" s="19">
        <v>407</v>
      </c>
      <c r="F24" s="19"/>
      <c r="G24" s="18" t="s">
        <v>46</v>
      </c>
      <c r="H24" s="17"/>
      <c r="I24" s="13">
        <v>1010</v>
      </c>
      <c r="J24" s="19">
        <v>524</v>
      </c>
      <c r="K24" s="19">
        <v>486</v>
      </c>
    </row>
    <row r="25" spans="1:11" ht="15" customHeight="1">
      <c r="A25" s="17" t="s">
        <v>47</v>
      </c>
      <c r="B25" s="17"/>
      <c r="C25" s="13">
        <v>834</v>
      </c>
      <c r="D25" s="19">
        <v>428</v>
      </c>
      <c r="E25" s="19">
        <v>406</v>
      </c>
      <c r="F25" s="19"/>
      <c r="G25" s="18" t="s">
        <v>48</v>
      </c>
      <c r="H25" s="17"/>
      <c r="I25" s="13">
        <v>1127</v>
      </c>
      <c r="J25" s="19">
        <v>582</v>
      </c>
      <c r="K25" s="19">
        <v>545</v>
      </c>
    </row>
    <row r="26" spans="1:11" ht="15" customHeight="1">
      <c r="A26" s="17" t="s">
        <v>49</v>
      </c>
      <c r="B26" s="17"/>
      <c r="C26" s="13">
        <v>900</v>
      </c>
      <c r="D26" s="19">
        <v>465</v>
      </c>
      <c r="E26" s="19">
        <v>435</v>
      </c>
      <c r="F26" s="19"/>
      <c r="G26" s="18" t="s">
        <v>50</v>
      </c>
      <c r="H26" s="17"/>
      <c r="I26" s="13">
        <v>1113</v>
      </c>
      <c r="J26" s="19">
        <v>554</v>
      </c>
      <c r="K26" s="19">
        <v>559</v>
      </c>
    </row>
    <row r="27" spans="1:11" ht="15" customHeight="1">
      <c r="A27" s="17" t="s">
        <v>51</v>
      </c>
      <c r="B27" s="17"/>
      <c r="C27" s="13">
        <v>885</v>
      </c>
      <c r="D27" s="19">
        <v>467</v>
      </c>
      <c r="E27" s="19">
        <v>418</v>
      </c>
      <c r="F27" s="19"/>
      <c r="G27" s="18" t="s">
        <v>52</v>
      </c>
      <c r="H27" s="17"/>
      <c r="I27" s="13">
        <v>1116</v>
      </c>
      <c r="J27" s="19">
        <v>541</v>
      </c>
      <c r="K27" s="19">
        <v>575</v>
      </c>
    </row>
    <row r="28" spans="1:11" ht="15" customHeight="1">
      <c r="A28" s="17" t="s">
        <v>53</v>
      </c>
      <c r="B28" s="17"/>
      <c r="C28" s="13">
        <v>1005</v>
      </c>
      <c r="D28" s="19">
        <v>538</v>
      </c>
      <c r="E28" s="19">
        <v>467</v>
      </c>
      <c r="F28" s="19"/>
      <c r="G28" s="18" t="s">
        <v>54</v>
      </c>
      <c r="H28" s="17"/>
      <c r="I28" s="13">
        <v>1198</v>
      </c>
      <c r="J28" s="19">
        <v>596</v>
      </c>
      <c r="K28" s="19">
        <v>602</v>
      </c>
    </row>
    <row r="29" spans="1:11" ht="20.100000000000001" customHeight="1">
      <c r="A29" s="17" t="s">
        <v>55</v>
      </c>
      <c r="B29" s="17"/>
      <c r="C29" s="13">
        <v>5765</v>
      </c>
      <c r="D29" s="14">
        <v>3058</v>
      </c>
      <c r="E29" s="14">
        <v>2707</v>
      </c>
      <c r="F29" s="14"/>
      <c r="G29" s="18" t="s">
        <v>56</v>
      </c>
      <c r="H29" s="17"/>
      <c r="I29" s="13">
        <v>7251</v>
      </c>
      <c r="J29" s="14">
        <v>3463</v>
      </c>
      <c r="K29" s="14">
        <v>3788</v>
      </c>
    </row>
    <row r="30" spans="1:11" ht="15" customHeight="1">
      <c r="A30" s="17" t="s">
        <v>57</v>
      </c>
      <c r="B30" s="17"/>
      <c r="C30" s="13">
        <v>1123</v>
      </c>
      <c r="D30" s="19">
        <v>590</v>
      </c>
      <c r="E30" s="19">
        <v>533</v>
      </c>
      <c r="F30" s="19"/>
      <c r="G30" s="18" t="s">
        <v>58</v>
      </c>
      <c r="H30" s="17"/>
      <c r="I30" s="13">
        <v>1324</v>
      </c>
      <c r="J30" s="19">
        <v>639</v>
      </c>
      <c r="K30" s="19">
        <v>685</v>
      </c>
    </row>
    <row r="31" spans="1:11" ht="15" customHeight="1">
      <c r="A31" s="17" t="s">
        <v>59</v>
      </c>
      <c r="B31" s="17"/>
      <c r="C31" s="13">
        <v>1177</v>
      </c>
      <c r="D31" s="19">
        <v>635</v>
      </c>
      <c r="E31" s="19">
        <v>542</v>
      </c>
      <c r="F31" s="19"/>
      <c r="G31" s="18" t="s">
        <v>60</v>
      </c>
      <c r="H31" s="17"/>
      <c r="I31" s="13">
        <v>1386</v>
      </c>
      <c r="J31" s="19">
        <v>654</v>
      </c>
      <c r="K31" s="19">
        <v>732</v>
      </c>
    </row>
    <row r="32" spans="1:11" ht="15" customHeight="1">
      <c r="A32" s="17" t="s">
        <v>61</v>
      </c>
      <c r="B32" s="17"/>
      <c r="C32" s="13">
        <v>1167</v>
      </c>
      <c r="D32" s="19">
        <v>619</v>
      </c>
      <c r="E32" s="19">
        <v>548</v>
      </c>
      <c r="F32" s="19"/>
      <c r="G32" s="18" t="s">
        <v>62</v>
      </c>
      <c r="H32" s="17"/>
      <c r="I32" s="13">
        <v>1547</v>
      </c>
      <c r="J32" s="19">
        <v>726</v>
      </c>
      <c r="K32" s="19">
        <v>821</v>
      </c>
    </row>
    <row r="33" spans="1:11" ht="15" customHeight="1">
      <c r="A33" s="17" t="s">
        <v>63</v>
      </c>
      <c r="B33" s="17"/>
      <c r="C33" s="13">
        <v>1164</v>
      </c>
      <c r="D33" s="19">
        <v>611</v>
      </c>
      <c r="E33" s="19">
        <v>553</v>
      </c>
      <c r="F33" s="19"/>
      <c r="G33" s="18" t="s">
        <v>64</v>
      </c>
      <c r="H33" s="17"/>
      <c r="I33" s="13">
        <v>1521</v>
      </c>
      <c r="J33" s="19">
        <v>760</v>
      </c>
      <c r="K33" s="19">
        <v>761</v>
      </c>
    </row>
    <row r="34" spans="1:11" ht="15" customHeight="1">
      <c r="A34" s="17" t="s">
        <v>65</v>
      </c>
      <c r="B34" s="17"/>
      <c r="C34" s="13">
        <v>1134</v>
      </c>
      <c r="D34" s="19">
        <v>603</v>
      </c>
      <c r="E34" s="19">
        <v>531</v>
      </c>
      <c r="F34" s="19"/>
      <c r="G34" s="18" t="s">
        <v>66</v>
      </c>
      <c r="H34" s="17"/>
      <c r="I34" s="13">
        <v>1473</v>
      </c>
      <c r="J34" s="19">
        <v>684</v>
      </c>
      <c r="K34" s="19">
        <v>789</v>
      </c>
    </row>
    <row r="35" spans="1:11" ht="20.100000000000001" customHeight="1">
      <c r="A35" s="17" t="s">
        <v>67</v>
      </c>
      <c r="B35" s="17"/>
      <c r="C35" s="13">
        <v>5633</v>
      </c>
      <c r="D35" s="14">
        <v>3111</v>
      </c>
      <c r="E35" s="14">
        <v>2522</v>
      </c>
      <c r="F35" s="14"/>
      <c r="G35" s="18" t="s">
        <v>68</v>
      </c>
      <c r="H35" s="17"/>
      <c r="I35" s="13">
        <v>5598</v>
      </c>
      <c r="J35" s="14">
        <v>2568</v>
      </c>
      <c r="K35" s="14">
        <v>3030</v>
      </c>
    </row>
    <row r="36" spans="1:11" ht="15" customHeight="1">
      <c r="A36" s="17" t="s">
        <v>69</v>
      </c>
      <c r="B36" s="17"/>
      <c r="C36" s="13">
        <v>1159</v>
      </c>
      <c r="D36" s="19">
        <v>635</v>
      </c>
      <c r="E36" s="19">
        <v>524</v>
      </c>
      <c r="F36" s="19"/>
      <c r="G36" s="18" t="s">
        <v>70</v>
      </c>
      <c r="H36" s="17"/>
      <c r="I36" s="13">
        <v>1094</v>
      </c>
      <c r="J36" s="19">
        <v>498</v>
      </c>
      <c r="K36" s="19">
        <v>596</v>
      </c>
    </row>
    <row r="37" spans="1:11" ht="15" customHeight="1">
      <c r="A37" s="17" t="s">
        <v>71</v>
      </c>
      <c r="B37" s="17"/>
      <c r="C37" s="13">
        <v>1175</v>
      </c>
      <c r="D37" s="19">
        <v>618</v>
      </c>
      <c r="E37" s="19">
        <v>557</v>
      </c>
      <c r="F37" s="19"/>
      <c r="G37" s="18" t="s">
        <v>72</v>
      </c>
      <c r="H37" s="17"/>
      <c r="I37" s="13">
        <v>949</v>
      </c>
      <c r="J37" s="19">
        <v>447</v>
      </c>
      <c r="K37" s="19">
        <v>502</v>
      </c>
    </row>
    <row r="38" spans="1:11" ht="15" customHeight="1">
      <c r="A38" s="17" t="s">
        <v>73</v>
      </c>
      <c r="B38" s="17"/>
      <c r="C38" s="13">
        <v>1138</v>
      </c>
      <c r="D38" s="19">
        <v>623</v>
      </c>
      <c r="E38" s="19">
        <v>515</v>
      </c>
      <c r="F38" s="19"/>
      <c r="G38" s="18" t="s">
        <v>74</v>
      </c>
      <c r="H38" s="17"/>
      <c r="I38" s="13">
        <v>1145</v>
      </c>
      <c r="J38" s="19">
        <v>540</v>
      </c>
      <c r="K38" s="19">
        <v>605</v>
      </c>
    </row>
    <row r="39" spans="1:11" ht="15" customHeight="1">
      <c r="A39" s="17" t="s">
        <v>75</v>
      </c>
      <c r="B39" s="17"/>
      <c r="C39" s="13">
        <v>1072</v>
      </c>
      <c r="D39" s="19">
        <v>628</v>
      </c>
      <c r="E39" s="19">
        <v>444</v>
      </c>
      <c r="F39" s="19"/>
      <c r="G39" s="18" t="s">
        <v>76</v>
      </c>
      <c r="H39" s="17"/>
      <c r="I39" s="13">
        <v>1245</v>
      </c>
      <c r="J39" s="19">
        <v>560</v>
      </c>
      <c r="K39" s="19">
        <v>685</v>
      </c>
    </row>
    <row r="40" spans="1:11" ht="15" customHeight="1">
      <c r="A40" s="17" t="s">
        <v>77</v>
      </c>
      <c r="B40" s="17"/>
      <c r="C40" s="13">
        <v>1089</v>
      </c>
      <c r="D40" s="19">
        <v>607</v>
      </c>
      <c r="E40" s="19">
        <v>482</v>
      </c>
      <c r="F40" s="19"/>
      <c r="G40" s="18" t="s">
        <v>78</v>
      </c>
      <c r="H40" s="17"/>
      <c r="I40" s="13">
        <v>1165</v>
      </c>
      <c r="J40" s="19">
        <v>523</v>
      </c>
      <c r="K40" s="19">
        <v>642</v>
      </c>
    </row>
    <row r="41" spans="1:11" ht="20.100000000000001" customHeight="1">
      <c r="A41" s="17" t="s">
        <v>79</v>
      </c>
      <c r="B41" s="17"/>
      <c r="C41" s="13">
        <v>5397</v>
      </c>
      <c r="D41" s="14">
        <v>2882</v>
      </c>
      <c r="E41" s="14">
        <v>2515</v>
      </c>
      <c r="F41" s="14"/>
      <c r="G41" s="18" t="s">
        <v>80</v>
      </c>
      <c r="H41" s="17"/>
      <c r="I41" s="13">
        <v>4306</v>
      </c>
      <c r="J41" s="14">
        <v>1949</v>
      </c>
      <c r="K41" s="14">
        <v>2357</v>
      </c>
    </row>
    <row r="42" spans="1:11" ht="15" customHeight="1">
      <c r="A42" s="17" t="s">
        <v>81</v>
      </c>
      <c r="B42" s="17"/>
      <c r="C42" s="13">
        <v>1120</v>
      </c>
      <c r="D42" s="19">
        <v>599</v>
      </c>
      <c r="E42" s="19">
        <v>521</v>
      </c>
      <c r="F42" s="19"/>
      <c r="G42" s="18" t="s">
        <v>82</v>
      </c>
      <c r="H42" s="17"/>
      <c r="I42" s="13">
        <v>1096</v>
      </c>
      <c r="J42" s="19">
        <v>527</v>
      </c>
      <c r="K42" s="19">
        <v>569</v>
      </c>
    </row>
    <row r="43" spans="1:11" ht="15" customHeight="1">
      <c r="A43" s="17" t="s">
        <v>83</v>
      </c>
      <c r="B43" s="17"/>
      <c r="C43" s="13">
        <v>1043</v>
      </c>
      <c r="D43" s="19">
        <v>576</v>
      </c>
      <c r="E43" s="19">
        <v>467</v>
      </c>
      <c r="F43" s="19"/>
      <c r="G43" s="18" t="s">
        <v>84</v>
      </c>
      <c r="H43" s="17"/>
      <c r="I43" s="13">
        <v>972</v>
      </c>
      <c r="J43" s="19">
        <v>451</v>
      </c>
      <c r="K43" s="19">
        <v>521</v>
      </c>
    </row>
    <row r="44" spans="1:11" ht="15" customHeight="1">
      <c r="A44" s="17" t="s">
        <v>85</v>
      </c>
      <c r="B44" s="17"/>
      <c r="C44" s="13">
        <v>1041</v>
      </c>
      <c r="D44" s="19">
        <v>530</v>
      </c>
      <c r="E44" s="19">
        <v>511</v>
      </c>
      <c r="F44" s="19"/>
      <c r="G44" s="18" t="s">
        <v>86</v>
      </c>
      <c r="H44" s="17"/>
      <c r="I44" s="13">
        <v>750</v>
      </c>
      <c r="J44" s="19">
        <v>350</v>
      </c>
      <c r="K44" s="19">
        <v>400</v>
      </c>
    </row>
    <row r="45" spans="1:11" ht="15" customHeight="1">
      <c r="A45" s="17" t="s">
        <v>87</v>
      </c>
      <c r="B45" s="17"/>
      <c r="C45" s="13">
        <v>1073</v>
      </c>
      <c r="D45" s="19">
        <v>588</v>
      </c>
      <c r="E45" s="19">
        <v>485</v>
      </c>
      <c r="F45" s="19"/>
      <c r="G45" s="18" t="s">
        <v>88</v>
      </c>
      <c r="H45" s="17"/>
      <c r="I45" s="13">
        <v>722</v>
      </c>
      <c r="J45" s="19">
        <v>317</v>
      </c>
      <c r="K45" s="19">
        <v>405</v>
      </c>
    </row>
    <row r="46" spans="1:11" ht="15" customHeight="1">
      <c r="A46" s="17" t="s">
        <v>89</v>
      </c>
      <c r="B46" s="17"/>
      <c r="C46" s="13">
        <v>1120</v>
      </c>
      <c r="D46" s="19">
        <v>589</v>
      </c>
      <c r="E46" s="19">
        <v>531</v>
      </c>
      <c r="F46" s="19"/>
      <c r="G46" s="18" t="s">
        <v>90</v>
      </c>
      <c r="H46" s="17"/>
      <c r="I46" s="13">
        <v>766</v>
      </c>
      <c r="J46" s="19">
        <v>304</v>
      </c>
      <c r="K46" s="19">
        <v>462</v>
      </c>
    </row>
    <row r="47" spans="1:11" ht="20.100000000000001" customHeight="1">
      <c r="A47" s="17" t="s">
        <v>91</v>
      </c>
      <c r="B47" s="17"/>
      <c r="C47" s="13">
        <v>5709</v>
      </c>
      <c r="D47" s="14">
        <v>3092</v>
      </c>
      <c r="E47" s="14">
        <v>2617</v>
      </c>
      <c r="F47" s="14"/>
      <c r="G47" s="18" t="s">
        <v>92</v>
      </c>
      <c r="H47" s="17"/>
      <c r="I47" s="13">
        <v>2497</v>
      </c>
      <c r="J47" s="14">
        <v>1029</v>
      </c>
      <c r="K47" s="14">
        <v>1468</v>
      </c>
    </row>
    <row r="48" spans="1:11" ht="15" customHeight="1">
      <c r="A48" s="17" t="s">
        <v>93</v>
      </c>
      <c r="B48" s="17"/>
      <c r="C48" s="13">
        <v>1003</v>
      </c>
      <c r="D48" s="19">
        <v>561</v>
      </c>
      <c r="E48" s="19">
        <v>442</v>
      </c>
      <c r="F48" s="19"/>
      <c r="G48" s="18" t="s">
        <v>94</v>
      </c>
      <c r="H48" s="17"/>
      <c r="I48" s="13">
        <v>630</v>
      </c>
      <c r="J48" s="19">
        <v>271</v>
      </c>
      <c r="K48" s="19">
        <v>359</v>
      </c>
    </row>
    <row r="49" spans="1:11" ht="15" customHeight="1">
      <c r="A49" s="17" t="s">
        <v>95</v>
      </c>
      <c r="B49" s="17"/>
      <c r="C49" s="13">
        <v>1137</v>
      </c>
      <c r="D49" s="19">
        <v>584</v>
      </c>
      <c r="E49" s="19">
        <v>553</v>
      </c>
      <c r="F49" s="19"/>
      <c r="G49" s="18" t="s">
        <v>96</v>
      </c>
      <c r="H49" s="17"/>
      <c r="I49" s="13">
        <v>627</v>
      </c>
      <c r="J49" s="19">
        <v>253</v>
      </c>
      <c r="K49" s="19">
        <v>374</v>
      </c>
    </row>
    <row r="50" spans="1:11" ht="15" customHeight="1">
      <c r="A50" s="17" t="s">
        <v>97</v>
      </c>
      <c r="B50" s="17"/>
      <c r="C50" s="13">
        <v>1156</v>
      </c>
      <c r="D50" s="19">
        <v>629</v>
      </c>
      <c r="E50" s="19">
        <v>527</v>
      </c>
      <c r="F50" s="19"/>
      <c r="G50" s="18" t="s">
        <v>98</v>
      </c>
      <c r="H50" s="17"/>
      <c r="I50" s="13">
        <v>452</v>
      </c>
      <c r="J50" s="19">
        <v>190</v>
      </c>
      <c r="K50" s="19">
        <v>262</v>
      </c>
    </row>
    <row r="51" spans="1:11" ht="15" customHeight="1">
      <c r="A51" s="17" t="s">
        <v>99</v>
      </c>
      <c r="B51" s="17"/>
      <c r="C51" s="13">
        <v>1183</v>
      </c>
      <c r="D51" s="19">
        <v>626</v>
      </c>
      <c r="E51" s="19">
        <v>557</v>
      </c>
      <c r="F51" s="19"/>
      <c r="G51" s="18" t="s">
        <v>100</v>
      </c>
      <c r="H51" s="17"/>
      <c r="I51" s="13">
        <v>402</v>
      </c>
      <c r="J51" s="19">
        <v>167</v>
      </c>
      <c r="K51" s="19">
        <v>235</v>
      </c>
    </row>
    <row r="52" spans="1:11" ht="15" customHeight="1">
      <c r="A52" s="17" t="s">
        <v>101</v>
      </c>
      <c r="B52" s="17"/>
      <c r="C52" s="13">
        <v>1230</v>
      </c>
      <c r="D52" s="19">
        <v>692</v>
      </c>
      <c r="E52" s="19">
        <v>538</v>
      </c>
      <c r="F52" s="19"/>
      <c r="G52" s="18" t="s">
        <v>102</v>
      </c>
      <c r="H52" s="17"/>
      <c r="I52" s="13">
        <v>386</v>
      </c>
      <c r="J52" s="19">
        <v>148</v>
      </c>
      <c r="K52" s="19">
        <v>238</v>
      </c>
    </row>
    <row r="53" spans="1:11" ht="20.100000000000001" customHeight="1">
      <c r="A53" s="17" t="s">
        <v>103</v>
      </c>
      <c r="B53" s="17"/>
      <c r="C53" s="13">
        <v>6431</v>
      </c>
      <c r="D53" s="14">
        <v>3352</v>
      </c>
      <c r="E53" s="14">
        <v>3079</v>
      </c>
      <c r="F53" s="14"/>
      <c r="G53" s="18" t="s">
        <v>104</v>
      </c>
      <c r="H53" s="17"/>
      <c r="I53" s="13">
        <v>1154</v>
      </c>
      <c r="J53" s="14">
        <v>356</v>
      </c>
      <c r="K53" s="14">
        <v>798</v>
      </c>
    </row>
    <row r="54" spans="1:11" ht="15" customHeight="1">
      <c r="A54" s="17" t="s">
        <v>105</v>
      </c>
      <c r="B54" s="17"/>
      <c r="C54" s="13">
        <v>1165</v>
      </c>
      <c r="D54" s="19">
        <v>587</v>
      </c>
      <c r="E54" s="19">
        <v>578</v>
      </c>
      <c r="F54" s="19"/>
      <c r="G54" s="18" t="s">
        <v>106</v>
      </c>
      <c r="H54" s="17"/>
      <c r="I54" s="13">
        <v>331</v>
      </c>
      <c r="J54" s="19">
        <v>115</v>
      </c>
      <c r="K54" s="19">
        <v>216</v>
      </c>
    </row>
    <row r="55" spans="1:11" ht="15" customHeight="1">
      <c r="A55" s="17" t="s">
        <v>107</v>
      </c>
      <c r="B55" s="17"/>
      <c r="C55" s="13">
        <v>1255</v>
      </c>
      <c r="D55" s="19">
        <v>644</v>
      </c>
      <c r="E55" s="19">
        <v>611</v>
      </c>
      <c r="F55" s="19"/>
      <c r="G55" s="18" t="s">
        <v>108</v>
      </c>
      <c r="H55" s="17"/>
      <c r="I55" s="13">
        <v>256</v>
      </c>
      <c r="J55" s="19">
        <v>78</v>
      </c>
      <c r="K55" s="19">
        <v>178</v>
      </c>
    </row>
    <row r="56" spans="1:11" ht="15" customHeight="1">
      <c r="A56" s="17" t="s">
        <v>109</v>
      </c>
      <c r="B56" s="17"/>
      <c r="C56" s="13">
        <v>1246</v>
      </c>
      <c r="D56" s="19">
        <v>655</v>
      </c>
      <c r="E56" s="19">
        <v>591</v>
      </c>
      <c r="F56" s="19"/>
      <c r="G56" s="18" t="s">
        <v>110</v>
      </c>
      <c r="H56" s="17"/>
      <c r="I56" s="13">
        <v>224</v>
      </c>
      <c r="J56" s="19">
        <v>63</v>
      </c>
      <c r="K56" s="19">
        <v>161</v>
      </c>
    </row>
    <row r="57" spans="1:11" ht="15" customHeight="1">
      <c r="A57" s="17" t="s">
        <v>111</v>
      </c>
      <c r="B57" s="17"/>
      <c r="C57" s="13">
        <v>1376</v>
      </c>
      <c r="D57" s="19">
        <v>731</v>
      </c>
      <c r="E57" s="19">
        <v>645</v>
      </c>
      <c r="F57" s="19"/>
      <c r="G57" s="18" t="s">
        <v>112</v>
      </c>
      <c r="H57" s="17"/>
      <c r="I57" s="13">
        <v>200</v>
      </c>
      <c r="J57" s="19">
        <v>59</v>
      </c>
      <c r="K57" s="19">
        <v>141</v>
      </c>
    </row>
    <row r="58" spans="1:11" ht="15" customHeight="1">
      <c r="A58" s="17" t="s">
        <v>113</v>
      </c>
      <c r="B58" s="17"/>
      <c r="C58" s="13">
        <v>1389</v>
      </c>
      <c r="D58" s="19">
        <v>735</v>
      </c>
      <c r="E58" s="19">
        <v>654</v>
      </c>
      <c r="F58" s="19"/>
      <c r="G58" s="18" t="s">
        <v>114</v>
      </c>
      <c r="H58" s="17"/>
      <c r="I58" s="13">
        <v>143</v>
      </c>
      <c r="J58" s="19">
        <v>41</v>
      </c>
      <c r="K58" s="19">
        <v>102</v>
      </c>
    </row>
    <row r="59" spans="1:11" ht="20.100000000000001" customHeight="1">
      <c r="A59" s="17" t="s">
        <v>115</v>
      </c>
      <c r="B59" s="17"/>
      <c r="C59" s="13">
        <v>7968</v>
      </c>
      <c r="D59" s="14">
        <v>4117</v>
      </c>
      <c r="E59" s="14">
        <v>3851</v>
      </c>
      <c r="F59" s="14"/>
      <c r="G59" s="18" t="s">
        <v>116</v>
      </c>
      <c r="H59" s="17"/>
      <c r="I59" s="13">
        <v>364</v>
      </c>
      <c r="J59" s="14">
        <v>74</v>
      </c>
      <c r="K59" s="14">
        <v>290</v>
      </c>
    </row>
    <row r="60" spans="1:11" ht="15" customHeight="1">
      <c r="A60" s="17" t="s">
        <v>117</v>
      </c>
      <c r="B60" s="17"/>
      <c r="C60" s="13">
        <v>1403</v>
      </c>
      <c r="D60" s="19">
        <v>715</v>
      </c>
      <c r="E60" s="19">
        <v>688</v>
      </c>
      <c r="F60" s="19"/>
      <c r="G60" s="18" t="s">
        <v>118</v>
      </c>
      <c r="H60" s="17"/>
      <c r="I60" s="13">
        <v>129</v>
      </c>
      <c r="J60" s="19">
        <v>26</v>
      </c>
      <c r="K60" s="19">
        <v>103</v>
      </c>
    </row>
    <row r="61" spans="1:11" ht="15" customHeight="1">
      <c r="A61" s="17" t="s">
        <v>119</v>
      </c>
      <c r="B61" s="17"/>
      <c r="C61" s="13">
        <v>1530</v>
      </c>
      <c r="D61" s="19">
        <v>770</v>
      </c>
      <c r="E61" s="19">
        <v>760</v>
      </c>
      <c r="F61" s="19"/>
      <c r="G61" s="18" t="s">
        <v>120</v>
      </c>
      <c r="H61" s="17"/>
      <c r="I61" s="13">
        <v>100</v>
      </c>
      <c r="J61" s="19">
        <v>15</v>
      </c>
      <c r="K61" s="19">
        <v>85</v>
      </c>
    </row>
    <row r="62" spans="1:11" ht="15" customHeight="1">
      <c r="A62" s="17" t="s">
        <v>121</v>
      </c>
      <c r="B62" s="17"/>
      <c r="C62" s="13">
        <v>1605</v>
      </c>
      <c r="D62" s="19">
        <v>819</v>
      </c>
      <c r="E62" s="19">
        <v>786</v>
      </c>
      <c r="F62" s="19"/>
      <c r="G62" s="18" t="s">
        <v>122</v>
      </c>
      <c r="H62" s="17"/>
      <c r="I62" s="13">
        <v>57</v>
      </c>
      <c r="J62" s="19">
        <v>14</v>
      </c>
      <c r="K62" s="19">
        <v>43</v>
      </c>
    </row>
    <row r="63" spans="1:11" ht="15" customHeight="1">
      <c r="A63" s="17" t="s">
        <v>123</v>
      </c>
      <c r="B63" s="17"/>
      <c r="C63" s="13">
        <v>1693</v>
      </c>
      <c r="D63" s="19">
        <v>896</v>
      </c>
      <c r="E63" s="19">
        <v>797</v>
      </c>
      <c r="F63" s="19"/>
      <c r="G63" s="18" t="s">
        <v>124</v>
      </c>
      <c r="H63" s="17"/>
      <c r="I63" s="13">
        <v>52</v>
      </c>
      <c r="J63" s="19">
        <v>11</v>
      </c>
      <c r="K63" s="19">
        <v>41</v>
      </c>
    </row>
    <row r="64" spans="1:11" ht="15" customHeight="1">
      <c r="A64" s="17" t="s">
        <v>125</v>
      </c>
      <c r="B64" s="17"/>
      <c r="C64" s="13">
        <v>1737</v>
      </c>
      <c r="D64" s="19">
        <v>917</v>
      </c>
      <c r="E64" s="19">
        <v>820</v>
      </c>
      <c r="F64" s="19"/>
      <c r="G64" s="18" t="s">
        <v>126</v>
      </c>
      <c r="H64" s="17"/>
      <c r="I64" s="13">
        <v>26</v>
      </c>
      <c r="J64" s="19">
        <v>8</v>
      </c>
      <c r="K64" s="19">
        <v>18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47</v>
      </c>
      <c r="J65" s="19">
        <v>8</v>
      </c>
      <c r="K65" s="19">
        <v>39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1902</v>
      </c>
      <c r="J66" s="27">
        <v>899</v>
      </c>
      <c r="K66" s="27">
        <v>1003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1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48570</v>
      </c>
      <c r="D4" s="14">
        <v>24595</v>
      </c>
      <c r="E4" s="14">
        <v>2397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825</v>
      </c>
      <c r="D5" s="14">
        <v>944</v>
      </c>
      <c r="E5" s="14">
        <v>881</v>
      </c>
      <c r="F5" s="14"/>
      <c r="G5" s="18" t="s">
        <v>8</v>
      </c>
      <c r="H5" s="17"/>
      <c r="I5" s="13">
        <v>3636</v>
      </c>
      <c r="J5" s="14">
        <v>1957</v>
      </c>
      <c r="K5" s="14">
        <v>1679</v>
      </c>
    </row>
    <row r="6" spans="1:11" ht="15" customHeight="1">
      <c r="A6" s="17" t="s">
        <v>9</v>
      </c>
      <c r="B6" s="17"/>
      <c r="C6" s="13">
        <v>317</v>
      </c>
      <c r="D6" s="19">
        <v>161</v>
      </c>
      <c r="E6" s="19">
        <v>156</v>
      </c>
      <c r="F6" s="19"/>
      <c r="G6" s="18" t="s">
        <v>10</v>
      </c>
      <c r="H6" s="17"/>
      <c r="I6" s="13">
        <v>808</v>
      </c>
      <c r="J6" s="19">
        <v>440</v>
      </c>
      <c r="K6" s="19">
        <v>368</v>
      </c>
    </row>
    <row r="7" spans="1:11" ht="15" customHeight="1">
      <c r="A7" s="17" t="s">
        <v>11</v>
      </c>
      <c r="B7" s="17"/>
      <c r="C7" s="13">
        <v>346</v>
      </c>
      <c r="D7" s="19">
        <v>192</v>
      </c>
      <c r="E7" s="19">
        <v>154</v>
      </c>
      <c r="F7" s="19"/>
      <c r="G7" s="18" t="s">
        <v>12</v>
      </c>
      <c r="H7" s="17"/>
      <c r="I7" s="13">
        <v>759</v>
      </c>
      <c r="J7" s="19">
        <v>427</v>
      </c>
      <c r="K7" s="19">
        <v>332</v>
      </c>
    </row>
    <row r="8" spans="1:11" ht="15" customHeight="1">
      <c r="A8" s="17" t="s">
        <v>13</v>
      </c>
      <c r="B8" s="17"/>
      <c r="C8" s="13">
        <v>383</v>
      </c>
      <c r="D8" s="19">
        <v>186</v>
      </c>
      <c r="E8" s="19">
        <v>197</v>
      </c>
      <c r="F8" s="19"/>
      <c r="G8" s="18" t="s">
        <v>14</v>
      </c>
      <c r="H8" s="17"/>
      <c r="I8" s="13">
        <v>670</v>
      </c>
      <c r="J8" s="19">
        <v>352</v>
      </c>
      <c r="K8" s="19">
        <v>318</v>
      </c>
    </row>
    <row r="9" spans="1:11" ht="15" customHeight="1">
      <c r="A9" s="17" t="s">
        <v>15</v>
      </c>
      <c r="B9" s="17"/>
      <c r="C9" s="13">
        <v>376</v>
      </c>
      <c r="D9" s="19">
        <v>183</v>
      </c>
      <c r="E9" s="19">
        <v>193</v>
      </c>
      <c r="F9" s="19"/>
      <c r="G9" s="18" t="s">
        <v>16</v>
      </c>
      <c r="H9" s="17"/>
      <c r="I9" s="13">
        <v>705</v>
      </c>
      <c r="J9" s="19">
        <v>369</v>
      </c>
      <c r="K9" s="19">
        <v>336</v>
      </c>
    </row>
    <row r="10" spans="1:11" ht="15" customHeight="1">
      <c r="A10" s="17" t="s">
        <v>17</v>
      </c>
      <c r="B10" s="17"/>
      <c r="C10" s="13">
        <v>403</v>
      </c>
      <c r="D10" s="19">
        <v>222</v>
      </c>
      <c r="E10" s="19">
        <v>181</v>
      </c>
      <c r="F10" s="19"/>
      <c r="G10" s="18" t="s">
        <v>18</v>
      </c>
      <c r="H10" s="17"/>
      <c r="I10" s="13">
        <v>694</v>
      </c>
      <c r="J10" s="19">
        <v>369</v>
      </c>
      <c r="K10" s="19">
        <v>325</v>
      </c>
    </row>
    <row r="11" spans="1:11" ht="20.100000000000001" customHeight="1">
      <c r="A11" s="17" t="s">
        <v>19</v>
      </c>
      <c r="B11" s="17"/>
      <c r="C11" s="13">
        <v>2141</v>
      </c>
      <c r="D11" s="14">
        <v>1119</v>
      </c>
      <c r="E11" s="14">
        <v>1022</v>
      </c>
      <c r="F11" s="14"/>
      <c r="G11" s="18" t="s">
        <v>20</v>
      </c>
      <c r="H11" s="17"/>
      <c r="I11" s="13">
        <v>2864</v>
      </c>
      <c r="J11" s="14">
        <v>1486</v>
      </c>
      <c r="K11" s="14">
        <v>1378</v>
      </c>
    </row>
    <row r="12" spans="1:11" ht="15" customHeight="1">
      <c r="A12" s="17" t="s">
        <v>21</v>
      </c>
      <c r="B12" s="17"/>
      <c r="C12" s="13">
        <v>416</v>
      </c>
      <c r="D12" s="19">
        <v>222</v>
      </c>
      <c r="E12" s="19">
        <v>194</v>
      </c>
      <c r="F12" s="19"/>
      <c r="G12" s="18" t="s">
        <v>22</v>
      </c>
      <c r="H12" s="17"/>
      <c r="I12" s="13">
        <v>503</v>
      </c>
      <c r="J12" s="19">
        <v>258</v>
      </c>
      <c r="K12" s="19">
        <v>245</v>
      </c>
    </row>
    <row r="13" spans="1:11" ht="15" customHeight="1">
      <c r="A13" s="17" t="s">
        <v>23</v>
      </c>
      <c r="B13" s="17"/>
      <c r="C13" s="13">
        <v>437</v>
      </c>
      <c r="D13" s="19">
        <v>227</v>
      </c>
      <c r="E13" s="19">
        <v>210</v>
      </c>
      <c r="F13" s="19"/>
      <c r="G13" s="18" t="s">
        <v>24</v>
      </c>
      <c r="H13" s="17"/>
      <c r="I13" s="13">
        <v>637</v>
      </c>
      <c r="J13" s="19">
        <v>325</v>
      </c>
      <c r="K13" s="19">
        <v>312</v>
      </c>
    </row>
    <row r="14" spans="1:11" ht="15" customHeight="1">
      <c r="A14" s="17" t="s">
        <v>25</v>
      </c>
      <c r="B14" s="17"/>
      <c r="C14" s="13">
        <v>429</v>
      </c>
      <c r="D14" s="19">
        <v>223</v>
      </c>
      <c r="E14" s="19">
        <v>206</v>
      </c>
      <c r="F14" s="19"/>
      <c r="G14" s="18" t="s">
        <v>26</v>
      </c>
      <c r="H14" s="17"/>
      <c r="I14" s="13">
        <v>621</v>
      </c>
      <c r="J14" s="19">
        <v>316</v>
      </c>
      <c r="K14" s="19">
        <v>305</v>
      </c>
    </row>
    <row r="15" spans="1:11" ht="15" customHeight="1">
      <c r="A15" s="17" t="s">
        <v>27</v>
      </c>
      <c r="B15" s="17"/>
      <c r="C15" s="13">
        <v>424</v>
      </c>
      <c r="D15" s="19">
        <v>232</v>
      </c>
      <c r="E15" s="19">
        <v>192</v>
      </c>
      <c r="F15" s="19"/>
      <c r="G15" s="18" t="s">
        <v>28</v>
      </c>
      <c r="H15" s="17"/>
      <c r="I15" s="13">
        <v>549</v>
      </c>
      <c r="J15" s="19">
        <v>302</v>
      </c>
      <c r="K15" s="19">
        <v>247</v>
      </c>
    </row>
    <row r="16" spans="1:11" ht="15" customHeight="1">
      <c r="A16" s="17" t="s">
        <v>29</v>
      </c>
      <c r="B16" s="17"/>
      <c r="C16" s="13">
        <v>435</v>
      </c>
      <c r="D16" s="19">
        <v>215</v>
      </c>
      <c r="E16" s="19">
        <v>220</v>
      </c>
      <c r="F16" s="19"/>
      <c r="G16" s="18" t="s">
        <v>30</v>
      </c>
      <c r="H16" s="17"/>
      <c r="I16" s="13">
        <v>554</v>
      </c>
      <c r="J16" s="19">
        <v>285</v>
      </c>
      <c r="K16" s="19">
        <v>269</v>
      </c>
    </row>
    <row r="17" spans="1:11" ht="20.100000000000001" customHeight="1">
      <c r="A17" s="20" t="s">
        <v>31</v>
      </c>
      <c r="B17" s="20"/>
      <c r="C17" s="13">
        <v>2169</v>
      </c>
      <c r="D17" s="14">
        <v>1110</v>
      </c>
      <c r="E17" s="14">
        <v>1059</v>
      </c>
      <c r="F17" s="14"/>
      <c r="G17" s="18" t="s">
        <v>32</v>
      </c>
      <c r="H17" s="17"/>
      <c r="I17" s="13">
        <v>2589</v>
      </c>
      <c r="J17" s="14">
        <v>1286</v>
      </c>
      <c r="K17" s="14">
        <v>1303</v>
      </c>
    </row>
    <row r="18" spans="1:11" ht="15" customHeight="1">
      <c r="A18" s="17" t="s">
        <v>33</v>
      </c>
      <c r="B18" s="17"/>
      <c r="C18" s="13">
        <v>413</v>
      </c>
      <c r="D18" s="19">
        <v>202</v>
      </c>
      <c r="E18" s="19">
        <v>211</v>
      </c>
      <c r="F18" s="19"/>
      <c r="G18" s="18" t="s">
        <v>34</v>
      </c>
      <c r="H18" s="17"/>
      <c r="I18" s="13">
        <v>546</v>
      </c>
      <c r="J18" s="19">
        <v>281</v>
      </c>
      <c r="K18" s="19">
        <v>265</v>
      </c>
    </row>
    <row r="19" spans="1:11" ht="15" customHeight="1">
      <c r="A19" s="17" t="s">
        <v>35</v>
      </c>
      <c r="B19" s="17"/>
      <c r="C19" s="13">
        <v>455</v>
      </c>
      <c r="D19" s="19">
        <v>221</v>
      </c>
      <c r="E19" s="19">
        <v>234</v>
      </c>
      <c r="F19" s="19"/>
      <c r="G19" s="18" t="s">
        <v>36</v>
      </c>
      <c r="H19" s="17"/>
      <c r="I19" s="13">
        <v>507</v>
      </c>
      <c r="J19" s="19">
        <v>240</v>
      </c>
      <c r="K19" s="19">
        <v>267</v>
      </c>
    </row>
    <row r="20" spans="1:11" ht="15" customHeight="1">
      <c r="A20" s="17" t="s">
        <v>37</v>
      </c>
      <c r="B20" s="17"/>
      <c r="C20" s="13">
        <v>437</v>
      </c>
      <c r="D20" s="19">
        <v>227</v>
      </c>
      <c r="E20" s="19">
        <v>210</v>
      </c>
      <c r="F20" s="19"/>
      <c r="G20" s="18" t="s">
        <v>38</v>
      </c>
      <c r="H20" s="17"/>
      <c r="I20" s="13">
        <v>506</v>
      </c>
      <c r="J20" s="19">
        <v>262</v>
      </c>
      <c r="K20" s="19">
        <v>244</v>
      </c>
    </row>
    <row r="21" spans="1:11" ht="15" customHeight="1">
      <c r="A21" s="17" t="s">
        <v>39</v>
      </c>
      <c r="B21" s="17"/>
      <c r="C21" s="13">
        <v>438</v>
      </c>
      <c r="D21" s="19">
        <v>246</v>
      </c>
      <c r="E21" s="19">
        <v>192</v>
      </c>
      <c r="F21" s="19"/>
      <c r="G21" s="18" t="s">
        <v>40</v>
      </c>
      <c r="H21" s="17"/>
      <c r="I21" s="13">
        <v>560</v>
      </c>
      <c r="J21" s="19">
        <v>270</v>
      </c>
      <c r="K21" s="19">
        <v>290</v>
      </c>
    </row>
    <row r="22" spans="1:11" ht="15" customHeight="1">
      <c r="A22" s="17" t="s">
        <v>41</v>
      </c>
      <c r="B22" s="17"/>
      <c r="C22" s="13">
        <v>426</v>
      </c>
      <c r="D22" s="19">
        <v>214</v>
      </c>
      <c r="E22" s="19">
        <v>212</v>
      </c>
      <c r="F22" s="19"/>
      <c r="G22" s="18" t="s">
        <v>42</v>
      </c>
      <c r="H22" s="17"/>
      <c r="I22" s="13">
        <v>470</v>
      </c>
      <c r="J22" s="19">
        <v>233</v>
      </c>
      <c r="K22" s="19">
        <v>237</v>
      </c>
    </row>
    <row r="23" spans="1:11" ht="20.100000000000001" customHeight="1">
      <c r="A23" s="17" t="s">
        <v>43</v>
      </c>
      <c r="B23" s="17"/>
      <c r="C23" s="13">
        <v>2252</v>
      </c>
      <c r="D23" s="14">
        <v>1140</v>
      </c>
      <c r="E23" s="14">
        <v>1112</v>
      </c>
      <c r="F23" s="14"/>
      <c r="G23" s="18" t="s">
        <v>44</v>
      </c>
      <c r="H23" s="17"/>
      <c r="I23" s="13">
        <v>2903</v>
      </c>
      <c r="J23" s="14">
        <v>1397</v>
      </c>
      <c r="K23" s="14">
        <v>1506</v>
      </c>
    </row>
    <row r="24" spans="1:11" ht="15" customHeight="1">
      <c r="A24" s="17" t="s">
        <v>45</v>
      </c>
      <c r="B24" s="17"/>
      <c r="C24" s="13">
        <v>449</v>
      </c>
      <c r="D24" s="19">
        <v>234</v>
      </c>
      <c r="E24" s="19">
        <v>215</v>
      </c>
      <c r="F24" s="19"/>
      <c r="G24" s="18" t="s">
        <v>46</v>
      </c>
      <c r="H24" s="17"/>
      <c r="I24" s="13">
        <v>510</v>
      </c>
      <c r="J24" s="19">
        <v>249</v>
      </c>
      <c r="K24" s="19">
        <v>261</v>
      </c>
    </row>
    <row r="25" spans="1:11" ht="15" customHeight="1">
      <c r="A25" s="17" t="s">
        <v>47</v>
      </c>
      <c r="B25" s="17"/>
      <c r="C25" s="13">
        <v>426</v>
      </c>
      <c r="D25" s="19">
        <v>220</v>
      </c>
      <c r="E25" s="19">
        <v>206</v>
      </c>
      <c r="F25" s="19"/>
      <c r="G25" s="18" t="s">
        <v>48</v>
      </c>
      <c r="H25" s="17"/>
      <c r="I25" s="13">
        <v>559</v>
      </c>
      <c r="J25" s="19">
        <v>280</v>
      </c>
      <c r="K25" s="19">
        <v>279</v>
      </c>
    </row>
    <row r="26" spans="1:11" ht="15" customHeight="1">
      <c r="A26" s="17" t="s">
        <v>49</v>
      </c>
      <c r="B26" s="17"/>
      <c r="C26" s="13">
        <v>464</v>
      </c>
      <c r="D26" s="19">
        <v>231</v>
      </c>
      <c r="E26" s="19">
        <v>233</v>
      </c>
      <c r="F26" s="19"/>
      <c r="G26" s="18" t="s">
        <v>50</v>
      </c>
      <c r="H26" s="17"/>
      <c r="I26" s="13">
        <v>543</v>
      </c>
      <c r="J26" s="19">
        <v>250</v>
      </c>
      <c r="K26" s="19">
        <v>293</v>
      </c>
    </row>
    <row r="27" spans="1:11" ht="15" customHeight="1">
      <c r="A27" s="17" t="s">
        <v>51</v>
      </c>
      <c r="B27" s="17"/>
      <c r="C27" s="13">
        <v>445</v>
      </c>
      <c r="D27" s="19">
        <v>225</v>
      </c>
      <c r="E27" s="19">
        <v>220</v>
      </c>
      <c r="F27" s="19"/>
      <c r="G27" s="18" t="s">
        <v>52</v>
      </c>
      <c r="H27" s="17"/>
      <c r="I27" s="13">
        <v>594</v>
      </c>
      <c r="J27" s="19">
        <v>281</v>
      </c>
      <c r="K27" s="19">
        <v>313</v>
      </c>
    </row>
    <row r="28" spans="1:11" ht="15" customHeight="1">
      <c r="A28" s="17" t="s">
        <v>53</v>
      </c>
      <c r="B28" s="17"/>
      <c r="C28" s="13">
        <v>468</v>
      </c>
      <c r="D28" s="19">
        <v>230</v>
      </c>
      <c r="E28" s="19">
        <v>238</v>
      </c>
      <c r="F28" s="19"/>
      <c r="G28" s="18" t="s">
        <v>54</v>
      </c>
      <c r="H28" s="17"/>
      <c r="I28" s="13">
        <v>697</v>
      </c>
      <c r="J28" s="19">
        <v>337</v>
      </c>
      <c r="K28" s="19">
        <v>360</v>
      </c>
    </row>
    <row r="29" spans="1:11" ht="20.100000000000001" customHeight="1">
      <c r="A29" s="17" t="s">
        <v>55</v>
      </c>
      <c r="B29" s="17"/>
      <c r="C29" s="13">
        <v>2230</v>
      </c>
      <c r="D29" s="14">
        <v>1164</v>
      </c>
      <c r="E29" s="14">
        <v>1066</v>
      </c>
      <c r="F29" s="14"/>
      <c r="G29" s="18" t="s">
        <v>56</v>
      </c>
      <c r="H29" s="17"/>
      <c r="I29" s="13">
        <v>3773</v>
      </c>
      <c r="J29" s="14">
        <v>1805</v>
      </c>
      <c r="K29" s="14">
        <v>1968</v>
      </c>
    </row>
    <row r="30" spans="1:11" ht="15" customHeight="1">
      <c r="A30" s="17" t="s">
        <v>57</v>
      </c>
      <c r="B30" s="17"/>
      <c r="C30" s="13">
        <v>450</v>
      </c>
      <c r="D30" s="19">
        <v>235</v>
      </c>
      <c r="E30" s="19">
        <v>215</v>
      </c>
      <c r="F30" s="19"/>
      <c r="G30" s="18" t="s">
        <v>58</v>
      </c>
      <c r="H30" s="17"/>
      <c r="I30" s="13">
        <v>693</v>
      </c>
      <c r="J30" s="19">
        <v>353</v>
      </c>
      <c r="K30" s="19">
        <v>340</v>
      </c>
    </row>
    <row r="31" spans="1:11" ht="15" customHeight="1">
      <c r="A31" s="17" t="s">
        <v>59</v>
      </c>
      <c r="B31" s="17"/>
      <c r="C31" s="13">
        <v>488</v>
      </c>
      <c r="D31" s="19">
        <v>245</v>
      </c>
      <c r="E31" s="19">
        <v>243</v>
      </c>
      <c r="F31" s="19"/>
      <c r="G31" s="18" t="s">
        <v>60</v>
      </c>
      <c r="H31" s="17"/>
      <c r="I31" s="13">
        <v>730</v>
      </c>
      <c r="J31" s="19">
        <v>364</v>
      </c>
      <c r="K31" s="19">
        <v>366</v>
      </c>
    </row>
    <row r="32" spans="1:11" ht="15" customHeight="1">
      <c r="A32" s="17" t="s">
        <v>61</v>
      </c>
      <c r="B32" s="17"/>
      <c r="C32" s="13">
        <v>393</v>
      </c>
      <c r="D32" s="19">
        <v>207</v>
      </c>
      <c r="E32" s="19">
        <v>186</v>
      </c>
      <c r="F32" s="19"/>
      <c r="G32" s="18" t="s">
        <v>62</v>
      </c>
      <c r="H32" s="17"/>
      <c r="I32" s="13">
        <v>840</v>
      </c>
      <c r="J32" s="19">
        <v>393</v>
      </c>
      <c r="K32" s="19">
        <v>447</v>
      </c>
    </row>
    <row r="33" spans="1:11" ht="15" customHeight="1">
      <c r="A33" s="17" t="s">
        <v>63</v>
      </c>
      <c r="B33" s="17"/>
      <c r="C33" s="13">
        <v>433</v>
      </c>
      <c r="D33" s="19">
        <v>224</v>
      </c>
      <c r="E33" s="19">
        <v>209</v>
      </c>
      <c r="F33" s="19"/>
      <c r="G33" s="18" t="s">
        <v>64</v>
      </c>
      <c r="H33" s="17"/>
      <c r="I33" s="13">
        <v>739</v>
      </c>
      <c r="J33" s="19">
        <v>339</v>
      </c>
      <c r="K33" s="19">
        <v>400</v>
      </c>
    </row>
    <row r="34" spans="1:11" ht="15" customHeight="1">
      <c r="A34" s="17" t="s">
        <v>65</v>
      </c>
      <c r="B34" s="17"/>
      <c r="C34" s="13">
        <v>466</v>
      </c>
      <c r="D34" s="19">
        <v>253</v>
      </c>
      <c r="E34" s="19">
        <v>213</v>
      </c>
      <c r="F34" s="19"/>
      <c r="G34" s="18" t="s">
        <v>66</v>
      </c>
      <c r="H34" s="17"/>
      <c r="I34" s="13">
        <v>771</v>
      </c>
      <c r="J34" s="19">
        <v>356</v>
      </c>
      <c r="K34" s="19">
        <v>415</v>
      </c>
    </row>
    <row r="35" spans="1:11" ht="20.100000000000001" customHeight="1">
      <c r="A35" s="17" t="s">
        <v>67</v>
      </c>
      <c r="B35" s="17"/>
      <c r="C35" s="13">
        <v>2265</v>
      </c>
      <c r="D35" s="14">
        <v>1248</v>
      </c>
      <c r="E35" s="14">
        <v>1017</v>
      </c>
      <c r="F35" s="14"/>
      <c r="G35" s="18" t="s">
        <v>68</v>
      </c>
      <c r="H35" s="17"/>
      <c r="I35" s="13">
        <v>2816</v>
      </c>
      <c r="J35" s="14">
        <v>1289</v>
      </c>
      <c r="K35" s="14">
        <v>1527</v>
      </c>
    </row>
    <row r="36" spans="1:11" ht="15" customHeight="1">
      <c r="A36" s="17" t="s">
        <v>69</v>
      </c>
      <c r="B36" s="17"/>
      <c r="C36" s="13">
        <v>443</v>
      </c>
      <c r="D36" s="19">
        <v>248</v>
      </c>
      <c r="E36" s="19">
        <v>195</v>
      </c>
      <c r="F36" s="19"/>
      <c r="G36" s="18" t="s">
        <v>70</v>
      </c>
      <c r="H36" s="17"/>
      <c r="I36" s="13">
        <v>553</v>
      </c>
      <c r="J36" s="19">
        <v>257</v>
      </c>
      <c r="K36" s="19">
        <v>296</v>
      </c>
    </row>
    <row r="37" spans="1:11" ht="15" customHeight="1">
      <c r="A37" s="17" t="s">
        <v>71</v>
      </c>
      <c r="B37" s="17"/>
      <c r="C37" s="13">
        <v>425</v>
      </c>
      <c r="D37" s="19">
        <v>242</v>
      </c>
      <c r="E37" s="19">
        <v>183</v>
      </c>
      <c r="F37" s="19"/>
      <c r="G37" s="18" t="s">
        <v>72</v>
      </c>
      <c r="H37" s="17"/>
      <c r="I37" s="13">
        <v>495</v>
      </c>
      <c r="J37" s="19">
        <v>245</v>
      </c>
      <c r="K37" s="19">
        <v>250</v>
      </c>
    </row>
    <row r="38" spans="1:11" ht="15" customHeight="1">
      <c r="A38" s="17" t="s">
        <v>73</v>
      </c>
      <c r="B38" s="17"/>
      <c r="C38" s="13">
        <v>492</v>
      </c>
      <c r="D38" s="19">
        <v>253</v>
      </c>
      <c r="E38" s="19">
        <v>239</v>
      </c>
      <c r="F38" s="19"/>
      <c r="G38" s="18" t="s">
        <v>74</v>
      </c>
      <c r="H38" s="17"/>
      <c r="I38" s="13">
        <v>576</v>
      </c>
      <c r="J38" s="19">
        <v>265</v>
      </c>
      <c r="K38" s="19">
        <v>311</v>
      </c>
    </row>
    <row r="39" spans="1:11" ht="15" customHeight="1">
      <c r="A39" s="17" t="s">
        <v>75</v>
      </c>
      <c r="B39" s="17"/>
      <c r="C39" s="13">
        <v>466</v>
      </c>
      <c r="D39" s="19">
        <v>259</v>
      </c>
      <c r="E39" s="19">
        <v>207</v>
      </c>
      <c r="F39" s="19"/>
      <c r="G39" s="18" t="s">
        <v>76</v>
      </c>
      <c r="H39" s="17"/>
      <c r="I39" s="13">
        <v>633</v>
      </c>
      <c r="J39" s="19">
        <v>279</v>
      </c>
      <c r="K39" s="19">
        <v>354</v>
      </c>
    </row>
    <row r="40" spans="1:11" ht="15" customHeight="1">
      <c r="A40" s="17" t="s">
        <v>77</v>
      </c>
      <c r="B40" s="17"/>
      <c r="C40" s="13">
        <v>439</v>
      </c>
      <c r="D40" s="19">
        <v>246</v>
      </c>
      <c r="E40" s="19">
        <v>193</v>
      </c>
      <c r="F40" s="19"/>
      <c r="G40" s="18" t="s">
        <v>78</v>
      </c>
      <c r="H40" s="17"/>
      <c r="I40" s="13">
        <v>559</v>
      </c>
      <c r="J40" s="19">
        <v>243</v>
      </c>
      <c r="K40" s="19">
        <v>316</v>
      </c>
    </row>
    <row r="41" spans="1:11" ht="20.100000000000001" customHeight="1">
      <c r="A41" s="17" t="s">
        <v>79</v>
      </c>
      <c r="B41" s="17"/>
      <c r="C41" s="13">
        <v>2561</v>
      </c>
      <c r="D41" s="14">
        <v>1344</v>
      </c>
      <c r="E41" s="14">
        <v>1217</v>
      </c>
      <c r="F41" s="14"/>
      <c r="G41" s="18" t="s">
        <v>80</v>
      </c>
      <c r="H41" s="17"/>
      <c r="I41" s="13">
        <v>2120</v>
      </c>
      <c r="J41" s="14">
        <v>1003</v>
      </c>
      <c r="K41" s="14">
        <v>1117</v>
      </c>
    </row>
    <row r="42" spans="1:11" ht="15" customHeight="1">
      <c r="A42" s="17" t="s">
        <v>81</v>
      </c>
      <c r="B42" s="17"/>
      <c r="C42" s="13">
        <v>465</v>
      </c>
      <c r="D42" s="19">
        <v>243</v>
      </c>
      <c r="E42" s="19">
        <v>222</v>
      </c>
      <c r="F42" s="19"/>
      <c r="G42" s="18" t="s">
        <v>82</v>
      </c>
      <c r="H42" s="17"/>
      <c r="I42" s="13">
        <v>561</v>
      </c>
      <c r="J42" s="19">
        <v>272</v>
      </c>
      <c r="K42" s="19">
        <v>289</v>
      </c>
    </row>
    <row r="43" spans="1:11" ht="15" customHeight="1">
      <c r="A43" s="17" t="s">
        <v>83</v>
      </c>
      <c r="B43" s="17"/>
      <c r="C43" s="13">
        <v>501</v>
      </c>
      <c r="D43" s="19">
        <v>257</v>
      </c>
      <c r="E43" s="19">
        <v>244</v>
      </c>
      <c r="F43" s="19"/>
      <c r="G43" s="18" t="s">
        <v>84</v>
      </c>
      <c r="H43" s="17"/>
      <c r="I43" s="13">
        <v>462</v>
      </c>
      <c r="J43" s="19">
        <v>207</v>
      </c>
      <c r="K43" s="19">
        <v>255</v>
      </c>
    </row>
    <row r="44" spans="1:11" ht="15" customHeight="1">
      <c r="A44" s="17" t="s">
        <v>85</v>
      </c>
      <c r="B44" s="17"/>
      <c r="C44" s="13">
        <v>568</v>
      </c>
      <c r="D44" s="19">
        <v>294</v>
      </c>
      <c r="E44" s="19">
        <v>274</v>
      </c>
      <c r="F44" s="19"/>
      <c r="G44" s="18" t="s">
        <v>86</v>
      </c>
      <c r="H44" s="17"/>
      <c r="I44" s="13">
        <v>416</v>
      </c>
      <c r="J44" s="19">
        <v>195</v>
      </c>
      <c r="K44" s="19">
        <v>221</v>
      </c>
    </row>
    <row r="45" spans="1:11" ht="15" customHeight="1">
      <c r="A45" s="17" t="s">
        <v>87</v>
      </c>
      <c r="B45" s="17"/>
      <c r="C45" s="13">
        <v>549</v>
      </c>
      <c r="D45" s="19">
        <v>302</v>
      </c>
      <c r="E45" s="19">
        <v>247</v>
      </c>
      <c r="F45" s="19"/>
      <c r="G45" s="18" t="s">
        <v>88</v>
      </c>
      <c r="H45" s="17"/>
      <c r="I45" s="13">
        <v>355</v>
      </c>
      <c r="J45" s="19">
        <v>177</v>
      </c>
      <c r="K45" s="19">
        <v>178</v>
      </c>
    </row>
    <row r="46" spans="1:11" ht="15" customHeight="1">
      <c r="A46" s="17" t="s">
        <v>89</v>
      </c>
      <c r="B46" s="17"/>
      <c r="C46" s="13">
        <v>478</v>
      </c>
      <c r="D46" s="19">
        <v>248</v>
      </c>
      <c r="E46" s="19">
        <v>230</v>
      </c>
      <c r="F46" s="19"/>
      <c r="G46" s="18" t="s">
        <v>90</v>
      </c>
      <c r="H46" s="17"/>
      <c r="I46" s="13">
        <v>326</v>
      </c>
      <c r="J46" s="19">
        <v>152</v>
      </c>
      <c r="K46" s="19">
        <v>174</v>
      </c>
    </row>
    <row r="47" spans="1:11" ht="20.100000000000001" customHeight="1">
      <c r="A47" s="17" t="s">
        <v>91</v>
      </c>
      <c r="B47" s="17"/>
      <c r="C47" s="13">
        <v>2833</v>
      </c>
      <c r="D47" s="14">
        <v>1503</v>
      </c>
      <c r="E47" s="14">
        <v>1330</v>
      </c>
      <c r="F47" s="14"/>
      <c r="G47" s="18" t="s">
        <v>92</v>
      </c>
      <c r="H47" s="17"/>
      <c r="I47" s="13">
        <v>1134</v>
      </c>
      <c r="J47" s="14">
        <v>451</v>
      </c>
      <c r="K47" s="14">
        <v>683</v>
      </c>
    </row>
    <row r="48" spans="1:11" ht="15" customHeight="1">
      <c r="A48" s="17" t="s">
        <v>93</v>
      </c>
      <c r="B48" s="17"/>
      <c r="C48" s="13">
        <v>521</v>
      </c>
      <c r="D48" s="19">
        <v>283</v>
      </c>
      <c r="E48" s="19">
        <v>238</v>
      </c>
      <c r="F48" s="19"/>
      <c r="G48" s="18" t="s">
        <v>94</v>
      </c>
      <c r="H48" s="17"/>
      <c r="I48" s="13">
        <v>277</v>
      </c>
      <c r="J48" s="19">
        <v>119</v>
      </c>
      <c r="K48" s="19">
        <v>158</v>
      </c>
    </row>
    <row r="49" spans="1:11" ht="15" customHeight="1">
      <c r="A49" s="17" t="s">
        <v>95</v>
      </c>
      <c r="B49" s="17"/>
      <c r="C49" s="13">
        <v>557</v>
      </c>
      <c r="D49" s="19">
        <v>269</v>
      </c>
      <c r="E49" s="19">
        <v>288</v>
      </c>
      <c r="F49" s="19"/>
      <c r="G49" s="18" t="s">
        <v>96</v>
      </c>
      <c r="H49" s="17"/>
      <c r="I49" s="13">
        <v>282</v>
      </c>
      <c r="J49" s="19">
        <v>116</v>
      </c>
      <c r="K49" s="19">
        <v>166</v>
      </c>
    </row>
    <row r="50" spans="1:11" ht="15" customHeight="1">
      <c r="A50" s="17" t="s">
        <v>97</v>
      </c>
      <c r="B50" s="17"/>
      <c r="C50" s="13">
        <v>559</v>
      </c>
      <c r="D50" s="19">
        <v>305</v>
      </c>
      <c r="E50" s="19">
        <v>254</v>
      </c>
      <c r="F50" s="19"/>
      <c r="G50" s="18" t="s">
        <v>98</v>
      </c>
      <c r="H50" s="17"/>
      <c r="I50" s="13">
        <v>228</v>
      </c>
      <c r="J50" s="19">
        <v>81</v>
      </c>
      <c r="K50" s="19">
        <v>147</v>
      </c>
    </row>
    <row r="51" spans="1:11" ht="15" customHeight="1">
      <c r="A51" s="17" t="s">
        <v>99</v>
      </c>
      <c r="B51" s="17"/>
      <c r="C51" s="13">
        <v>588</v>
      </c>
      <c r="D51" s="19">
        <v>319</v>
      </c>
      <c r="E51" s="19">
        <v>269</v>
      </c>
      <c r="F51" s="19"/>
      <c r="G51" s="18" t="s">
        <v>100</v>
      </c>
      <c r="H51" s="17"/>
      <c r="I51" s="13">
        <v>216</v>
      </c>
      <c r="J51" s="19">
        <v>93</v>
      </c>
      <c r="K51" s="19">
        <v>123</v>
      </c>
    </row>
    <row r="52" spans="1:11" ht="15" customHeight="1">
      <c r="A52" s="17" t="s">
        <v>101</v>
      </c>
      <c r="B52" s="17"/>
      <c r="C52" s="13">
        <v>608</v>
      </c>
      <c r="D52" s="19">
        <v>327</v>
      </c>
      <c r="E52" s="19">
        <v>281</v>
      </c>
      <c r="F52" s="19"/>
      <c r="G52" s="18" t="s">
        <v>102</v>
      </c>
      <c r="H52" s="17"/>
      <c r="I52" s="13">
        <v>131</v>
      </c>
      <c r="J52" s="19">
        <v>42</v>
      </c>
      <c r="K52" s="19">
        <v>89</v>
      </c>
    </row>
    <row r="53" spans="1:11" ht="20.100000000000001" customHeight="1">
      <c r="A53" s="17" t="s">
        <v>103</v>
      </c>
      <c r="B53" s="17"/>
      <c r="C53" s="13">
        <v>3397</v>
      </c>
      <c r="D53" s="14">
        <v>1752</v>
      </c>
      <c r="E53" s="14">
        <v>1645</v>
      </c>
      <c r="F53" s="14"/>
      <c r="G53" s="18" t="s">
        <v>104</v>
      </c>
      <c r="H53" s="17"/>
      <c r="I53" s="13">
        <v>459</v>
      </c>
      <c r="J53" s="14">
        <v>138</v>
      </c>
      <c r="K53" s="14">
        <v>321</v>
      </c>
    </row>
    <row r="54" spans="1:11" ht="15" customHeight="1">
      <c r="A54" s="17" t="s">
        <v>105</v>
      </c>
      <c r="B54" s="17"/>
      <c r="C54" s="13">
        <v>589</v>
      </c>
      <c r="D54" s="19">
        <v>286</v>
      </c>
      <c r="E54" s="19">
        <v>303</v>
      </c>
      <c r="F54" s="19"/>
      <c r="G54" s="18" t="s">
        <v>106</v>
      </c>
      <c r="H54" s="17"/>
      <c r="I54" s="13">
        <v>128</v>
      </c>
      <c r="J54" s="19">
        <v>48</v>
      </c>
      <c r="K54" s="19">
        <v>80</v>
      </c>
    </row>
    <row r="55" spans="1:11" ht="15" customHeight="1">
      <c r="A55" s="17" t="s">
        <v>107</v>
      </c>
      <c r="B55" s="17"/>
      <c r="C55" s="13">
        <v>634</v>
      </c>
      <c r="D55" s="19">
        <v>332</v>
      </c>
      <c r="E55" s="19">
        <v>302</v>
      </c>
      <c r="F55" s="19"/>
      <c r="G55" s="18" t="s">
        <v>108</v>
      </c>
      <c r="H55" s="17"/>
      <c r="I55" s="13">
        <v>110</v>
      </c>
      <c r="J55" s="19">
        <v>32</v>
      </c>
      <c r="K55" s="19">
        <v>78</v>
      </c>
    </row>
    <row r="56" spans="1:11" ht="15" customHeight="1">
      <c r="A56" s="17" t="s">
        <v>109</v>
      </c>
      <c r="B56" s="17"/>
      <c r="C56" s="13">
        <v>729</v>
      </c>
      <c r="D56" s="19">
        <v>395</v>
      </c>
      <c r="E56" s="19">
        <v>334</v>
      </c>
      <c r="F56" s="19"/>
      <c r="G56" s="18" t="s">
        <v>110</v>
      </c>
      <c r="H56" s="17"/>
      <c r="I56" s="13">
        <v>98</v>
      </c>
      <c r="J56" s="19">
        <v>30</v>
      </c>
      <c r="K56" s="19">
        <v>68</v>
      </c>
    </row>
    <row r="57" spans="1:11" ht="15" customHeight="1">
      <c r="A57" s="17" t="s">
        <v>111</v>
      </c>
      <c r="B57" s="17"/>
      <c r="C57" s="13">
        <v>723</v>
      </c>
      <c r="D57" s="19">
        <v>363</v>
      </c>
      <c r="E57" s="19">
        <v>360</v>
      </c>
      <c r="F57" s="19"/>
      <c r="G57" s="18" t="s">
        <v>112</v>
      </c>
      <c r="H57" s="17"/>
      <c r="I57" s="13">
        <v>67</v>
      </c>
      <c r="J57" s="19">
        <v>15</v>
      </c>
      <c r="K57" s="19">
        <v>52</v>
      </c>
    </row>
    <row r="58" spans="1:11" ht="15" customHeight="1">
      <c r="A58" s="17" t="s">
        <v>113</v>
      </c>
      <c r="B58" s="17"/>
      <c r="C58" s="13">
        <v>722</v>
      </c>
      <c r="D58" s="19">
        <v>376</v>
      </c>
      <c r="E58" s="19">
        <v>346</v>
      </c>
      <c r="F58" s="19"/>
      <c r="G58" s="18" t="s">
        <v>114</v>
      </c>
      <c r="H58" s="17"/>
      <c r="I58" s="13">
        <v>56</v>
      </c>
      <c r="J58" s="19">
        <v>13</v>
      </c>
      <c r="K58" s="19">
        <v>43</v>
      </c>
    </row>
    <row r="59" spans="1:11" ht="20.100000000000001" customHeight="1">
      <c r="A59" s="17" t="s">
        <v>115</v>
      </c>
      <c r="B59" s="17"/>
      <c r="C59" s="13">
        <v>3952</v>
      </c>
      <c r="D59" s="14">
        <v>2104</v>
      </c>
      <c r="E59" s="14">
        <v>1848</v>
      </c>
      <c r="F59" s="14"/>
      <c r="G59" s="18" t="s">
        <v>116</v>
      </c>
      <c r="H59" s="17"/>
      <c r="I59" s="13">
        <v>129</v>
      </c>
      <c r="J59" s="14">
        <v>24</v>
      </c>
      <c r="K59" s="14">
        <v>105</v>
      </c>
    </row>
    <row r="60" spans="1:11" ht="15" customHeight="1">
      <c r="A60" s="17" t="s">
        <v>117</v>
      </c>
      <c r="B60" s="17"/>
      <c r="C60" s="13">
        <v>725</v>
      </c>
      <c r="D60" s="19">
        <v>383</v>
      </c>
      <c r="E60" s="19">
        <v>342</v>
      </c>
      <c r="F60" s="19"/>
      <c r="G60" s="18" t="s">
        <v>118</v>
      </c>
      <c r="H60" s="17"/>
      <c r="I60" s="13">
        <v>50</v>
      </c>
      <c r="J60" s="19">
        <v>10</v>
      </c>
      <c r="K60" s="19">
        <v>40</v>
      </c>
    </row>
    <row r="61" spans="1:11" ht="15" customHeight="1">
      <c r="A61" s="17" t="s">
        <v>119</v>
      </c>
      <c r="B61" s="17"/>
      <c r="C61" s="13">
        <v>729</v>
      </c>
      <c r="D61" s="19">
        <v>383</v>
      </c>
      <c r="E61" s="19">
        <v>346</v>
      </c>
      <c r="F61" s="19"/>
      <c r="G61" s="18" t="s">
        <v>120</v>
      </c>
      <c r="H61" s="17"/>
      <c r="I61" s="13">
        <v>30</v>
      </c>
      <c r="J61" s="19">
        <v>5</v>
      </c>
      <c r="K61" s="19">
        <v>25</v>
      </c>
    </row>
    <row r="62" spans="1:11" ht="15" customHeight="1">
      <c r="A62" s="17" t="s">
        <v>121</v>
      </c>
      <c r="B62" s="17"/>
      <c r="C62" s="13">
        <v>872</v>
      </c>
      <c r="D62" s="19">
        <v>454</v>
      </c>
      <c r="E62" s="19">
        <v>418</v>
      </c>
      <c r="F62" s="19"/>
      <c r="G62" s="18" t="s">
        <v>122</v>
      </c>
      <c r="H62" s="17"/>
      <c r="I62" s="13">
        <v>20</v>
      </c>
      <c r="J62" s="19">
        <v>4</v>
      </c>
      <c r="K62" s="19">
        <v>16</v>
      </c>
    </row>
    <row r="63" spans="1:11" ht="15" customHeight="1">
      <c r="A63" s="17" t="s">
        <v>123</v>
      </c>
      <c r="B63" s="17"/>
      <c r="C63" s="13">
        <v>819</v>
      </c>
      <c r="D63" s="19">
        <v>452</v>
      </c>
      <c r="E63" s="19">
        <v>367</v>
      </c>
      <c r="F63" s="19"/>
      <c r="G63" s="18" t="s">
        <v>124</v>
      </c>
      <c r="H63" s="17"/>
      <c r="I63" s="13">
        <v>16</v>
      </c>
      <c r="J63" s="19">
        <v>4</v>
      </c>
      <c r="K63" s="19">
        <v>12</v>
      </c>
    </row>
    <row r="64" spans="1:11" ht="15" customHeight="1">
      <c r="A64" s="17" t="s">
        <v>125</v>
      </c>
      <c r="B64" s="17"/>
      <c r="C64" s="13">
        <v>807</v>
      </c>
      <c r="D64" s="19">
        <v>432</v>
      </c>
      <c r="E64" s="19">
        <v>375</v>
      </c>
      <c r="F64" s="19"/>
      <c r="G64" s="18" t="s">
        <v>126</v>
      </c>
      <c r="H64" s="17"/>
      <c r="I64" s="13">
        <v>13</v>
      </c>
      <c r="J64" s="19">
        <v>1</v>
      </c>
      <c r="K64" s="19">
        <v>12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20</v>
      </c>
      <c r="J65" s="19">
        <v>2</v>
      </c>
      <c r="K65" s="19">
        <v>18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502</v>
      </c>
      <c r="J66" s="27">
        <v>329</v>
      </c>
      <c r="K66" s="27">
        <v>173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2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1461</v>
      </c>
      <c r="D4" s="14">
        <v>15342</v>
      </c>
      <c r="E4" s="14">
        <v>16119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17</v>
      </c>
      <c r="D5" s="14">
        <v>468</v>
      </c>
      <c r="E5" s="14">
        <v>449</v>
      </c>
      <c r="F5" s="14"/>
      <c r="G5" s="18" t="s">
        <v>8</v>
      </c>
      <c r="H5" s="17"/>
      <c r="I5" s="13">
        <v>2570</v>
      </c>
      <c r="J5" s="14">
        <v>1307</v>
      </c>
      <c r="K5" s="14">
        <v>1263</v>
      </c>
    </row>
    <row r="6" spans="1:11" ht="15" customHeight="1">
      <c r="A6" s="17" t="s">
        <v>9</v>
      </c>
      <c r="B6" s="17"/>
      <c r="C6" s="13">
        <v>142</v>
      </c>
      <c r="D6" s="19">
        <v>60</v>
      </c>
      <c r="E6" s="19">
        <v>82</v>
      </c>
      <c r="F6" s="19"/>
      <c r="G6" s="18" t="s">
        <v>10</v>
      </c>
      <c r="H6" s="17"/>
      <c r="I6" s="13">
        <v>509</v>
      </c>
      <c r="J6" s="19">
        <v>246</v>
      </c>
      <c r="K6" s="19">
        <v>263</v>
      </c>
    </row>
    <row r="7" spans="1:11" ht="15" customHeight="1">
      <c r="A7" s="17" t="s">
        <v>11</v>
      </c>
      <c r="B7" s="17"/>
      <c r="C7" s="13">
        <v>160</v>
      </c>
      <c r="D7" s="19">
        <v>82</v>
      </c>
      <c r="E7" s="19">
        <v>78</v>
      </c>
      <c r="F7" s="19"/>
      <c r="G7" s="18" t="s">
        <v>12</v>
      </c>
      <c r="H7" s="17"/>
      <c r="I7" s="13">
        <v>526</v>
      </c>
      <c r="J7" s="19">
        <v>274</v>
      </c>
      <c r="K7" s="19">
        <v>252</v>
      </c>
    </row>
    <row r="8" spans="1:11" ht="15" customHeight="1">
      <c r="A8" s="17" t="s">
        <v>13</v>
      </c>
      <c r="B8" s="17"/>
      <c r="C8" s="13">
        <v>180</v>
      </c>
      <c r="D8" s="19">
        <v>96</v>
      </c>
      <c r="E8" s="19">
        <v>84</v>
      </c>
      <c r="F8" s="19"/>
      <c r="G8" s="18" t="s">
        <v>14</v>
      </c>
      <c r="H8" s="17"/>
      <c r="I8" s="13">
        <v>508</v>
      </c>
      <c r="J8" s="19">
        <v>255</v>
      </c>
      <c r="K8" s="19">
        <v>253</v>
      </c>
    </row>
    <row r="9" spans="1:11" ht="15" customHeight="1">
      <c r="A9" s="17" t="s">
        <v>15</v>
      </c>
      <c r="B9" s="17"/>
      <c r="C9" s="13">
        <v>198</v>
      </c>
      <c r="D9" s="19">
        <v>95</v>
      </c>
      <c r="E9" s="19">
        <v>103</v>
      </c>
      <c r="F9" s="19"/>
      <c r="G9" s="18" t="s">
        <v>16</v>
      </c>
      <c r="H9" s="17"/>
      <c r="I9" s="13">
        <v>511</v>
      </c>
      <c r="J9" s="19">
        <v>262</v>
      </c>
      <c r="K9" s="19">
        <v>249</v>
      </c>
    </row>
    <row r="10" spans="1:11" ht="15" customHeight="1">
      <c r="A10" s="17" t="s">
        <v>17</v>
      </c>
      <c r="B10" s="17"/>
      <c r="C10" s="13">
        <v>237</v>
      </c>
      <c r="D10" s="19">
        <v>135</v>
      </c>
      <c r="E10" s="19">
        <v>102</v>
      </c>
      <c r="F10" s="19"/>
      <c r="G10" s="18" t="s">
        <v>18</v>
      </c>
      <c r="H10" s="17"/>
      <c r="I10" s="13">
        <v>516</v>
      </c>
      <c r="J10" s="19">
        <v>270</v>
      </c>
      <c r="K10" s="19">
        <v>246</v>
      </c>
    </row>
    <row r="11" spans="1:11" ht="20.100000000000001" customHeight="1">
      <c r="A11" s="17" t="s">
        <v>19</v>
      </c>
      <c r="B11" s="17"/>
      <c r="C11" s="13">
        <v>1169</v>
      </c>
      <c r="D11" s="14">
        <v>580</v>
      </c>
      <c r="E11" s="14">
        <v>589</v>
      </c>
      <c r="F11" s="14"/>
      <c r="G11" s="18" t="s">
        <v>20</v>
      </c>
      <c r="H11" s="17"/>
      <c r="I11" s="13">
        <v>2071</v>
      </c>
      <c r="J11" s="14">
        <v>1107</v>
      </c>
      <c r="K11" s="14">
        <v>964</v>
      </c>
    </row>
    <row r="12" spans="1:11" ht="15" customHeight="1">
      <c r="A12" s="17" t="s">
        <v>21</v>
      </c>
      <c r="B12" s="17"/>
      <c r="C12" s="13">
        <v>219</v>
      </c>
      <c r="D12" s="19">
        <v>114</v>
      </c>
      <c r="E12" s="19">
        <v>105</v>
      </c>
      <c r="F12" s="19"/>
      <c r="G12" s="18" t="s">
        <v>22</v>
      </c>
      <c r="H12" s="17"/>
      <c r="I12" s="13">
        <v>371</v>
      </c>
      <c r="J12" s="19">
        <v>205</v>
      </c>
      <c r="K12" s="19">
        <v>166</v>
      </c>
    </row>
    <row r="13" spans="1:11" ht="15" customHeight="1">
      <c r="A13" s="17" t="s">
        <v>23</v>
      </c>
      <c r="B13" s="17"/>
      <c r="C13" s="13">
        <v>231</v>
      </c>
      <c r="D13" s="19">
        <v>118</v>
      </c>
      <c r="E13" s="19">
        <v>113</v>
      </c>
      <c r="F13" s="19"/>
      <c r="G13" s="18" t="s">
        <v>24</v>
      </c>
      <c r="H13" s="17"/>
      <c r="I13" s="13">
        <v>463</v>
      </c>
      <c r="J13" s="19">
        <v>257</v>
      </c>
      <c r="K13" s="19">
        <v>206</v>
      </c>
    </row>
    <row r="14" spans="1:11" ht="15" customHeight="1">
      <c r="A14" s="17" t="s">
        <v>25</v>
      </c>
      <c r="B14" s="17"/>
      <c r="C14" s="13">
        <v>231</v>
      </c>
      <c r="D14" s="19">
        <v>120</v>
      </c>
      <c r="E14" s="19">
        <v>111</v>
      </c>
      <c r="F14" s="19"/>
      <c r="G14" s="18" t="s">
        <v>26</v>
      </c>
      <c r="H14" s="17"/>
      <c r="I14" s="13">
        <v>433</v>
      </c>
      <c r="J14" s="19">
        <v>223</v>
      </c>
      <c r="K14" s="19">
        <v>210</v>
      </c>
    </row>
    <row r="15" spans="1:11" ht="15" customHeight="1">
      <c r="A15" s="17" t="s">
        <v>27</v>
      </c>
      <c r="B15" s="17"/>
      <c r="C15" s="13">
        <v>241</v>
      </c>
      <c r="D15" s="19">
        <v>112</v>
      </c>
      <c r="E15" s="19">
        <v>129</v>
      </c>
      <c r="F15" s="19"/>
      <c r="G15" s="18" t="s">
        <v>28</v>
      </c>
      <c r="H15" s="17"/>
      <c r="I15" s="13">
        <v>408</v>
      </c>
      <c r="J15" s="19">
        <v>220</v>
      </c>
      <c r="K15" s="19">
        <v>188</v>
      </c>
    </row>
    <row r="16" spans="1:11" ht="15" customHeight="1">
      <c r="A16" s="17" t="s">
        <v>29</v>
      </c>
      <c r="B16" s="17"/>
      <c r="C16" s="13">
        <v>247</v>
      </c>
      <c r="D16" s="19">
        <v>116</v>
      </c>
      <c r="E16" s="19">
        <v>131</v>
      </c>
      <c r="F16" s="19"/>
      <c r="G16" s="18" t="s">
        <v>30</v>
      </c>
      <c r="H16" s="17"/>
      <c r="I16" s="13">
        <v>396</v>
      </c>
      <c r="J16" s="19">
        <v>202</v>
      </c>
      <c r="K16" s="19">
        <v>194</v>
      </c>
    </row>
    <row r="17" spans="1:11" ht="20.100000000000001" customHeight="1">
      <c r="A17" s="20" t="s">
        <v>31</v>
      </c>
      <c r="B17" s="20"/>
      <c r="C17" s="13">
        <v>1417</v>
      </c>
      <c r="D17" s="14">
        <v>740</v>
      </c>
      <c r="E17" s="14">
        <v>677</v>
      </c>
      <c r="F17" s="14"/>
      <c r="G17" s="18" t="s">
        <v>32</v>
      </c>
      <c r="H17" s="17"/>
      <c r="I17" s="13">
        <v>1920</v>
      </c>
      <c r="J17" s="14">
        <v>936</v>
      </c>
      <c r="K17" s="14">
        <v>984</v>
      </c>
    </row>
    <row r="18" spans="1:11" ht="15" customHeight="1">
      <c r="A18" s="17" t="s">
        <v>33</v>
      </c>
      <c r="B18" s="17"/>
      <c r="C18" s="13">
        <v>274</v>
      </c>
      <c r="D18" s="19">
        <v>137</v>
      </c>
      <c r="E18" s="19">
        <v>137</v>
      </c>
      <c r="F18" s="19"/>
      <c r="G18" s="18" t="s">
        <v>34</v>
      </c>
      <c r="H18" s="17"/>
      <c r="I18" s="13">
        <v>362</v>
      </c>
      <c r="J18" s="19">
        <v>186</v>
      </c>
      <c r="K18" s="19">
        <v>176</v>
      </c>
    </row>
    <row r="19" spans="1:11" ht="15" customHeight="1">
      <c r="A19" s="17" t="s">
        <v>35</v>
      </c>
      <c r="B19" s="17"/>
      <c r="C19" s="13">
        <v>296</v>
      </c>
      <c r="D19" s="19">
        <v>155</v>
      </c>
      <c r="E19" s="19">
        <v>141</v>
      </c>
      <c r="F19" s="19"/>
      <c r="G19" s="18" t="s">
        <v>36</v>
      </c>
      <c r="H19" s="17"/>
      <c r="I19" s="13">
        <v>370</v>
      </c>
      <c r="J19" s="19">
        <v>186</v>
      </c>
      <c r="K19" s="19">
        <v>184</v>
      </c>
    </row>
    <row r="20" spans="1:11" ht="15" customHeight="1">
      <c r="A20" s="17" t="s">
        <v>37</v>
      </c>
      <c r="B20" s="17"/>
      <c r="C20" s="13">
        <v>258</v>
      </c>
      <c r="D20" s="19">
        <v>129</v>
      </c>
      <c r="E20" s="19">
        <v>129</v>
      </c>
      <c r="F20" s="19"/>
      <c r="G20" s="18" t="s">
        <v>38</v>
      </c>
      <c r="H20" s="17"/>
      <c r="I20" s="13">
        <v>408</v>
      </c>
      <c r="J20" s="19">
        <v>181</v>
      </c>
      <c r="K20" s="19">
        <v>227</v>
      </c>
    </row>
    <row r="21" spans="1:11" ht="15" customHeight="1">
      <c r="A21" s="17" t="s">
        <v>39</v>
      </c>
      <c r="B21" s="17"/>
      <c r="C21" s="13">
        <v>296</v>
      </c>
      <c r="D21" s="19">
        <v>152</v>
      </c>
      <c r="E21" s="19">
        <v>144</v>
      </c>
      <c r="F21" s="19"/>
      <c r="G21" s="18" t="s">
        <v>40</v>
      </c>
      <c r="H21" s="17"/>
      <c r="I21" s="13">
        <v>383</v>
      </c>
      <c r="J21" s="19">
        <v>191</v>
      </c>
      <c r="K21" s="19">
        <v>192</v>
      </c>
    </row>
    <row r="22" spans="1:11" ht="15" customHeight="1">
      <c r="A22" s="17" t="s">
        <v>41</v>
      </c>
      <c r="B22" s="17"/>
      <c r="C22" s="13">
        <v>293</v>
      </c>
      <c r="D22" s="19">
        <v>167</v>
      </c>
      <c r="E22" s="19">
        <v>126</v>
      </c>
      <c r="F22" s="19"/>
      <c r="G22" s="18" t="s">
        <v>42</v>
      </c>
      <c r="H22" s="17"/>
      <c r="I22" s="13">
        <v>397</v>
      </c>
      <c r="J22" s="19">
        <v>192</v>
      </c>
      <c r="K22" s="19">
        <v>205</v>
      </c>
    </row>
    <row r="23" spans="1:11" ht="20.100000000000001" customHeight="1">
      <c r="A23" s="17" t="s">
        <v>43</v>
      </c>
      <c r="B23" s="17"/>
      <c r="C23" s="13">
        <v>1393</v>
      </c>
      <c r="D23" s="14">
        <v>698</v>
      </c>
      <c r="E23" s="14">
        <v>695</v>
      </c>
      <c r="F23" s="14"/>
      <c r="G23" s="18" t="s">
        <v>44</v>
      </c>
      <c r="H23" s="17"/>
      <c r="I23" s="13">
        <v>2110</v>
      </c>
      <c r="J23" s="14">
        <v>978</v>
      </c>
      <c r="K23" s="14">
        <v>1132</v>
      </c>
    </row>
    <row r="24" spans="1:11" ht="15" customHeight="1">
      <c r="A24" s="17" t="s">
        <v>45</v>
      </c>
      <c r="B24" s="17"/>
      <c r="C24" s="13">
        <v>282</v>
      </c>
      <c r="D24" s="19">
        <v>154</v>
      </c>
      <c r="E24" s="19">
        <v>128</v>
      </c>
      <c r="F24" s="19"/>
      <c r="G24" s="18" t="s">
        <v>46</v>
      </c>
      <c r="H24" s="17"/>
      <c r="I24" s="13">
        <v>394</v>
      </c>
      <c r="J24" s="19">
        <v>186</v>
      </c>
      <c r="K24" s="19">
        <v>208</v>
      </c>
    </row>
    <row r="25" spans="1:11" ht="15" customHeight="1">
      <c r="A25" s="17" t="s">
        <v>47</v>
      </c>
      <c r="B25" s="17"/>
      <c r="C25" s="13">
        <v>286</v>
      </c>
      <c r="D25" s="19">
        <v>128</v>
      </c>
      <c r="E25" s="19">
        <v>158</v>
      </c>
      <c r="F25" s="19"/>
      <c r="G25" s="18" t="s">
        <v>48</v>
      </c>
      <c r="H25" s="17"/>
      <c r="I25" s="13">
        <v>398</v>
      </c>
      <c r="J25" s="19">
        <v>188</v>
      </c>
      <c r="K25" s="19">
        <v>210</v>
      </c>
    </row>
    <row r="26" spans="1:11" ht="15" customHeight="1">
      <c r="A26" s="17" t="s">
        <v>49</v>
      </c>
      <c r="B26" s="17"/>
      <c r="C26" s="13">
        <v>282</v>
      </c>
      <c r="D26" s="19">
        <v>143</v>
      </c>
      <c r="E26" s="19">
        <v>139</v>
      </c>
      <c r="F26" s="19"/>
      <c r="G26" s="18" t="s">
        <v>50</v>
      </c>
      <c r="H26" s="17"/>
      <c r="I26" s="13">
        <v>383</v>
      </c>
      <c r="J26" s="19">
        <v>201</v>
      </c>
      <c r="K26" s="19">
        <v>182</v>
      </c>
    </row>
    <row r="27" spans="1:11" ht="15" customHeight="1">
      <c r="A27" s="17" t="s">
        <v>51</v>
      </c>
      <c r="B27" s="17"/>
      <c r="C27" s="13">
        <v>283</v>
      </c>
      <c r="D27" s="19">
        <v>141</v>
      </c>
      <c r="E27" s="19">
        <v>142</v>
      </c>
      <c r="F27" s="19"/>
      <c r="G27" s="18" t="s">
        <v>52</v>
      </c>
      <c r="H27" s="17"/>
      <c r="I27" s="13">
        <v>463</v>
      </c>
      <c r="J27" s="19">
        <v>202</v>
      </c>
      <c r="K27" s="19">
        <v>261</v>
      </c>
    </row>
    <row r="28" spans="1:11" ht="15" customHeight="1">
      <c r="A28" s="17" t="s">
        <v>53</v>
      </c>
      <c r="B28" s="17"/>
      <c r="C28" s="13">
        <v>260</v>
      </c>
      <c r="D28" s="19">
        <v>132</v>
      </c>
      <c r="E28" s="19">
        <v>128</v>
      </c>
      <c r="F28" s="19"/>
      <c r="G28" s="18" t="s">
        <v>54</v>
      </c>
      <c r="H28" s="17"/>
      <c r="I28" s="13">
        <v>472</v>
      </c>
      <c r="J28" s="19">
        <v>201</v>
      </c>
      <c r="K28" s="19">
        <v>271</v>
      </c>
    </row>
    <row r="29" spans="1:11" ht="20.100000000000001" customHeight="1">
      <c r="A29" s="17" t="s">
        <v>55</v>
      </c>
      <c r="B29" s="17"/>
      <c r="C29" s="13">
        <v>1159</v>
      </c>
      <c r="D29" s="14">
        <v>580</v>
      </c>
      <c r="E29" s="14">
        <v>579</v>
      </c>
      <c r="F29" s="14"/>
      <c r="G29" s="18" t="s">
        <v>56</v>
      </c>
      <c r="H29" s="17"/>
      <c r="I29" s="13">
        <v>2949</v>
      </c>
      <c r="J29" s="14">
        <v>1407</v>
      </c>
      <c r="K29" s="14">
        <v>1542</v>
      </c>
    </row>
    <row r="30" spans="1:11" ht="15" customHeight="1">
      <c r="A30" s="17" t="s">
        <v>57</v>
      </c>
      <c r="B30" s="17"/>
      <c r="C30" s="13">
        <v>245</v>
      </c>
      <c r="D30" s="19">
        <v>134</v>
      </c>
      <c r="E30" s="19">
        <v>111</v>
      </c>
      <c r="F30" s="19"/>
      <c r="G30" s="18" t="s">
        <v>58</v>
      </c>
      <c r="H30" s="17"/>
      <c r="I30" s="13">
        <v>484</v>
      </c>
      <c r="J30" s="19">
        <v>245</v>
      </c>
      <c r="K30" s="19">
        <v>239</v>
      </c>
    </row>
    <row r="31" spans="1:11" ht="15" customHeight="1">
      <c r="A31" s="17" t="s">
        <v>59</v>
      </c>
      <c r="B31" s="17"/>
      <c r="C31" s="13">
        <v>257</v>
      </c>
      <c r="D31" s="19">
        <v>128</v>
      </c>
      <c r="E31" s="19">
        <v>129</v>
      </c>
      <c r="F31" s="19"/>
      <c r="G31" s="18" t="s">
        <v>60</v>
      </c>
      <c r="H31" s="17"/>
      <c r="I31" s="13">
        <v>542</v>
      </c>
      <c r="J31" s="19">
        <v>255</v>
      </c>
      <c r="K31" s="19">
        <v>287</v>
      </c>
    </row>
    <row r="32" spans="1:11" ht="15" customHeight="1">
      <c r="A32" s="17" t="s">
        <v>61</v>
      </c>
      <c r="B32" s="17"/>
      <c r="C32" s="13">
        <v>231</v>
      </c>
      <c r="D32" s="19">
        <v>109</v>
      </c>
      <c r="E32" s="19">
        <v>122</v>
      </c>
      <c r="F32" s="19"/>
      <c r="G32" s="18" t="s">
        <v>62</v>
      </c>
      <c r="H32" s="17"/>
      <c r="I32" s="13">
        <v>640</v>
      </c>
      <c r="J32" s="19">
        <v>309</v>
      </c>
      <c r="K32" s="19">
        <v>331</v>
      </c>
    </row>
    <row r="33" spans="1:11" ht="15" customHeight="1">
      <c r="A33" s="17" t="s">
        <v>63</v>
      </c>
      <c r="B33" s="17"/>
      <c r="C33" s="13">
        <v>221</v>
      </c>
      <c r="D33" s="19">
        <v>108</v>
      </c>
      <c r="E33" s="19">
        <v>113</v>
      </c>
      <c r="F33" s="19"/>
      <c r="G33" s="18" t="s">
        <v>64</v>
      </c>
      <c r="H33" s="17"/>
      <c r="I33" s="13">
        <v>629</v>
      </c>
      <c r="J33" s="19">
        <v>284</v>
      </c>
      <c r="K33" s="19">
        <v>345</v>
      </c>
    </row>
    <row r="34" spans="1:11" ht="15" customHeight="1">
      <c r="A34" s="17" t="s">
        <v>65</v>
      </c>
      <c r="B34" s="17"/>
      <c r="C34" s="13">
        <v>205</v>
      </c>
      <c r="D34" s="19">
        <v>101</v>
      </c>
      <c r="E34" s="19">
        <v>104</v>
      </c>
      <c r="F34" s="19"/>
      <c r="G34" s="18" t="s">
        <v>66</v>
      </c>
      <c r="H34" s="17"/>
      <c r="I34" s="13">
        <v>654</v>
      </c>
      <c r="J34" s="19">
        <v>314</v>
      </c>
      <c r="K34" s="19">
        <v>340</v>
      </c>
    </row>
    <row r="35" spans="1:11" ht="20.100000000000001" customHeight="1">
      <c r="A35" s="17" t="s">
        <v>67</v>
      </c>
      <c r="B35" s="17"/>
      <c r="C35" s="13">
        <v>920</v>
      </c>
      <c r="D35" s="14">
        <v>485</v>
      </c>
      <c r="E35" s="14">
        <v>435</v>
      </c>
      <c r="F35" s="14"/>
      <c r="G35" s="18" t="s">
        <v>68</v>
      </c>
      <c r="H35" s="17"/>
      <c r="I35" s="13">
        <v>2324</v>
      </c>
      <c r="J35" s="14">
        <v>1092</v>
      </c>
      <c r="K35" s="14">
        <v>1232</v>
      </c>
    </row>
    <row r="36" spans="1:11" ht="15" customHeight="1">
      <c r="A36" s="17" t="s">
        <v>69</v>
      </c>
      <c r="B36" s="17"/>
      <c r="C36" s="13">
        <v>180</v>
      </c>
      <c r="D36" s="19">
        <v>100</v>
      </c>
      <c r="E36" s="19">
        <v>80</v>
      </c>
      <c r="F36" s="19"/>
      <c r="G36" s="18" t="s">
        <v>70</v>
      </c>
      <c r="H36" s="17"/>
      <c r="I36" s="13">
        <v>460</v>
      </c>
      <c r="J36" s="19">
        <v>222</v>
      </c>
      <c r="K36" s="19">
        <v>238</v>
      </c>
    </row>
    <row r="37" spans="1:11" ht="15" customHeight="1">
      <c r="A37" s="17" t="s">
        <v>71</v>
      </c>
      <c r="B37" s="17"/>
      <c r="C37" s="13">
        <v>174</v>
      </c>
      <c r="D37" s="19">
        <v>94</v>
      </c>
      <c r="E37" s="19">
        <v>80</v>
      </c>
      <c r="F37" s="19"/>
      <c r="G37" s="18" t="s">
        <v>72</v>
      </c>
      <c r="H37" s="17"/>
      <c r="I37" s="13">
        <v>410</v>
      </c>
      <c r="J37" s="19">
        <v>186</v>
      </c>
      <c r="K37" s="19">
        <v>224</v>
      </c>
    </row>
    <row r="38" spans="1:11" ht="15" customHeight="1">
      <c r="A38" s="17" t="s">
        <v>73</v>
      </c>
      <c r="B38" s="17"/>
      <c r="C38" s="13">
        <v>215</v>
      </c>
      <c r="D38" s="19">
        <v>124</v>
      </c>
      <c r="E38" s="19">
        <v>91</v>
      </c>
      <c r="F38" s="19"/>
      <c r="G38" s="18" t="s">
        <v>74</v>
      </c>
      <c r="H38" s="17"/>
      <c r="I38" s="13">
        <v>453</v>
      </c>
      <c r="J38" s="19">
        <v>207</v>
      </c>
      <c r="K38" s="19">
        <v>246</v>
      </c>
    </row>
    <row r="39" spans="1:11" ht="15" customHeight="1">
      <c r="A39" s="17" t="s">
        <v>75</v>
      </c>
      <c r="B39" s="17"/>
      <c r="C39" s="13">
        <v>180</v>
      </c>
      <c r="D39" s="19">
        <v>91</v>
      </c>
      <c r="E39" s="19">
        <v>89</v>
      </c>
      <c r="F39" s="19"/>
      <c r="G39" s="18" t="s">
        <v>76</v>
      </c>
      <c r="H39" s="17"/>
      <c r="I39" s="13">
        <v>512</v>
      </c>
      <c r="J39" s="19">
        <v>229</v>
      </c>
      <c r="K39" s="19">
        <v>283</v>
      </c>
    </row>
    <row r="40" spans="1:11" ht="15" customHeight="1">
      <c r="A40" s="17" t="s">
        <v>77</v>
      </c>
      <c r="B40" s="17"/>
      <c r="C40" s="13">
        <v>171</v>
      </c>
      <c r="D40" s="19">
        <v>76</v>
      </c>
      <c r="E40" s="19">
        <v>95</v>
      </c>
      <c r="F40" s="19"/>
      <c r="G40" s="18" t="s">
        <v>78</v>
      </c>
      <c r="H40" s="17"/>
      <c r="I40" s="13">
        <v>489</v>
      </c>
      <c r="J40" s="19">
        <v>248</v>
      </c>
      <c r="K40" s="19">
        <v>241</v>
      </c>
    </row>
    <row r="41" spans="1:11" ht="20.100000000000001" customHeight="1">
      <c r="A41" s="17" t="s">
        <v>79</v>
      </c>
      <c r="B41" s="17"/>
      <c r="C41" s="13">
        <v>1037</v>
      </c>
      <c r="D41" s="14">
        <v>501</v>
      </c>
      <c r="E41" s="14">
        <v>536</v>
      </c>
      <c r="F41" s="14"/>
      <c r="G41" s="18" t="s">
        <v>80</v>
      </c>
      <c r="H41" s="17"/>
      <c r="I41" s="13">
        <v>1785</v>
      </c>
      <c r="J41" s="14">
        <v>825</v>
      </c>
      <c r="K41" s="14">
        <v>960</v>
      </c>
    </row>
    <row r="42" spans="1:11" ht="15" customHeight="1">
      <c r="A42" s="17" t="s">
        <v>81</v>
      </c>
      <c r="B42" s="17"/>
      <c r="C42" s="13">
        <v>193</v>
      </c>
      <c r="D42" s="19">
        <v>93</v>
      </c>
      <c r="E42" s="19">
        <v>100</v>
      </c>
      <c r="F42" s="19"/>
      <c r="G42" s="18" t="s">
        <v>82</v>
      </c>
      <c r="H42" s="17"/>
      <c r="I42" s="13">
        <v>445</v>
      </c>
      <c r="J42" s="19">
        <v>222</v>
      </c>
      <c r="K42" s="19">
        <v>223</v>
      </c>
    </row>
    <row r="43" spans="1:11" ht="15" customHeight="1">
      <c r="A43" s="17" t="s">
        <v>83</v>
      </c>
      <c r="B43" s="17"/>
      <c r="C43" s="13">
        <v>164</v>
      </c>
      <c r="D43" s="19">
        <v>84</v>
      </c>
      <c r="E43" s="19">
        <v>80</v>
      </c>
      <c r="F43" s="19"/>
      <c r="G43" s="18" t="s">
        <v>84</v>
      </c>
      <c r="H43" s="17"/>
      <c r="I43" s="13">
        <v>387</v>
      </c>
      <c r="J43" s="19">
        <v>171</v>
      </c>
      <c r="K43" s="19">
        <v>216</v>
      </c>
    </row>
    <row r="44" spans="1:11" ht="15" customHeight="1">
      <c r="A44" s="17" t="s">
        <v>85</v>
      </c>
      <c r="B44" s="17"/>
      <c r="C44" s="13">
        <v>201</v>
      </c>
      <c r="D44" s="19">
        <v>102</v>
      </c>
      <c r="E44" s="19">
        <v>99</v>
      </c>
      <c r="F44" s="19"/>
      <c r="G44" s="18" t="s">
        <v>86</v>
      </c>
      <c r="H44" s="17"/>
      <c r="I44" s="13">
        <v>332</v>
      </c>
      <c r="J44" s="19">
        <v>156</v>
      </c>
      <c r="K44" s="19">
        <v>176</v>
      </c>
    </row>
    <row r="45" spans="1:11" ht="15" customHeight="1">
      <c r="A45" s="17" t="s">
        <v>87</v>
      </c>
      <c r="B45" s="17"/>
      <c r="C45" s="13">
        <v>234</v>
      </c>
      <c r="D45" s="19">
        <v>105</v>
      </c>
      <c r="E45" s="19">
        <v>129</v>
      </c>
      <c r="F45" s="19"/>
      <c r="G45" s="18" t="s">
        <v>88</v>
      </c>
      <c r="H45" s="17"/>
      <c r="I45" s="13">
        <v>301</v>
      </c>
      <c r="J45" s="19">
        <v>134</v>
      </c>
      <c r="K45" s="19">
        <v>167</v>
      </c>
    </row>
    <row r="46" spans="1:11" ht="15" customHeight="1">
      <c r="A46" s="17" t="s">
        <v>89</v>
      </c>
      <c r="B46" s="17"/>
      <c r="C46" s="13">
        <v>245</v>
      </c>
      <c r="D46" s="19">
        <v>117</v>
      </c>
      <c r="E46" s="19">
        <v>128</v>
      </c>
      <c r="F46" s="19"/>
      <c r="G46" s="18" t="s">
        <v>90</v>
      </c>
      <c r="H46" s="17"/>
      <c r="I46" s="13">
        <v>320</v>
      </c>
      <c r="J46" s="19">
        <v>142</v>
      </c>
      <c r="K46" s="19">
        <v>178</v>
      </c>
    </row>
    <row r="47" spans="1:11" ht="20.100000000000001" customHeight="1">
      <c r="A47" s="17" t="s">
        <v>91</v>
      </c>
      <c r="B47" s="17"/>
      <c r="C47" s="13">
        <v>1499</v>
      </c>
      <c r="D47" s="14">
        <v>765</v>
      </c>
      <c r="E47" s="14">
        <v>734</v>
      </c>
      <c r="F47" s="14"/>
      <c r="G47" s="18" t="s">
        <v>92</v>
      </c>
      <c r="H47" s="17"/>
      <c r="I47" s="13">
        <v>1061</v>
      </c>
      <c r="J47" s="14">
        <v>400</v>
      </c>
      <c r="K47" s="14">
        <v>661</v>
      </c>
    </row>
    <row r="48" spans="1:11" ht="15" customHeight="1">
      <c r="A48" s="17" t="s">
        <v>93</v>
      </c>
      <c r="B48" s="17"/>
      <c r="C48" s="13">
        <v>264</v>
      </c>
      <c r="D48" s="19">
        <v>142</v>
      </c>
      <c r="E48" s="19">
        <v>122</v>
      </c>
      <c r="F48" s="19"/>
      <c r="G48" s="18" t="s">
        <v>94</v>
      </c>
      <c r="H48" s="17"/>
      <c r="I48" s="13">
        <v>268</v>
      </c>
      <c r="J48" s="19">
        <v>91</v>
      </c>
      <c r="K48" s="19">
        <v>177</v>
      </c>
    </row>
    <row r="49" spans="1:11" ht="15" customHeight="1">
      <c r="A49" s="17" t="s">
        <v>95</v>
      </c>
      <c r="B49" s="17"/>
      <c r="C49" s="13">
        <v>266</v>
      </c>
      <c r="D49" s="19">
        <v>131</v>
      </c>
      <c r="E49" s="19">
        <v>135</v>
      </c>
      <c r="F49" s="19"/>
      <c r="G49" s="18" t="s">
        <v>96</v>
      </c>
      <c r="H49" s="17"/>
      <c r="I49" s="13">
        <v>247</v>
      </c>
      <c r="J49" s="19">
        <v>94</v>
      </c>
      <c r="K49" s="19">
        <v>153</v>
      </c>
    </row>
    <row r="50" spans="1:11" ht="15" customHeight="1">
      <c r="A50" s="17" t="s">
        <v>97</v>
      </c>
      <c r="B50" s="17"/>
      <c r="C50" s="13">
        <v>338</v>
      </c>
      <c r="D50" s="19">
        <v>175</v>
      </c>
      <c r="E50" s="19">
        <v>163</v>
      </c>
      <c r="F50" s="19"/>
      <c r="G50" s="18" t="s">
        <v>98</v>
      </c>
      <c r="H50" s="17"/>
      <c r="I50" s="13">
        <v>197</v>
      </c>
      <c r="J50" s="19">
        <v>73</v>
      </c>
      <c r="K50" s="19">
        <v>124</v>
      </c>
    </row>
    <row r="51" spans="1:11" ht="15" customHeight="1">
      <c r="A51" s="17" t="s">
        <v>99</v>
      </c>
      <c r="B51" s="17"/>
      <c r="C51" s="13">
        <v>313</v>
      </c>
      <c r="D51" s="19">
        <v>160</v>
      </c>
      <c r="E51" s="19">
        <v>153</v>
      </c>
      <c r="F51" s="19"/>
      <c r="G51" s="18" t="s">
        <v>100</v>
      </c>
      <c r="H51" s="17"/>
      <c r="I51" s="13">
        <v>188</v>
      </c>
      <c r="J51" s="19">
        <v>78</v>
      </c>
      <c r="K51" s="19">
        <v>110</v>
      </c>
    </row>
    <row r="52" spans="1:11" ht="15" customHeight="1">
      <c r="A52" s="17" t="s">
        <v>101</v>
      </c>
      <c r="B52" s="17"/>
      <c r="C52" s="13">
        <v>318</v>
      </c>
      <c r="D52" s="19">
        <v>157</v>
      </c>
      <c r="E52" s="19">
        <v>161</v>
      </c>
      <c r="F52" s="19"/>
      <c r="G52" s="18" t="s">
        <v>102</v>
      </c>
      <c r="H52" s="17"/>
      <c r="I52" s="13">
        <v>161</v>
      </c>
      <c r="J52" s="19">
        <v>64</v>
      </c>
      <c r="K52" s="19">
        <v>97</v>
      </c>
    </row>
    <row r="53" spans="1:11" ht="20.100000000000001" customHeight="1">
      <c r="A53" s="17" t="s">
        <v>103</v>
      </c>
      <c r="B53" s="17"/>
      <c r="C53" s="13">
        <v>1963</v>
      </c>
      <c r="D53" s="14">
        <v>983</v>
      </c>
      <c r="E53" s="14">
        <v>980</v>
      </c>
      <c r="F53" s="14"/>
      <c r="G53" s="18" t="s">
        <v>104</v>
      </c>
      <c r="H53" s="17"/>
      <c r="I53" s="13">
        <v>514</v>
      </c>
      <c r="J53" s="14">
        <v>169</v>
      </c>
      <c r="K53" s="14">
        <v>345</v>
      </c>
    </row>
    <row r="54" spans="1:11" ht="15" customHeight="1">
      <c r="A54" s="17" t="s">
        <v>105</v>
      </c>
      <c r="B54" s="17"/>
      <c r="C54" s="13">
        <v>386</v>
      </c>
      <c r="D54" s="19">
        <v>183</v>
      </c>
      <c r="E54" s="19">
        <v>203</v>
      </c>
      <c r="F54" s="19"/>
      <c r="G54" s="18" t="s">
        <v>106</v>
      </c>
      <c r="H54" s="17"/>
      <c r="I54" s="13">
        <v>148</v>
      </c>
      <c r="J54" s="19">
        <v>47</v>
      </c>
      <c r="K54" s="19">
        <v>101</v>
      </c>
    </row>
    <row r="55" spans="1:11" ht="15" customHeight="1">
      <c r="A55" s="17" t="s">
        <v>107</v>
      </c>
      <c r="B55" s="17"/>
      <c r="C55" s="13">
        <v>345</v>
      </c>
      <c r="D55" s="19">
        <v>173</v>
      </c>
      <c r="E55" s="19">
        <v>172</v>
      </c>
      <c r="F55" s="19"/>
      <c r="G55" s="18" t="s">
        <v>108</v>
      </c>
      <c r="H55" s="17"/>
      <c r="I55" s="13">
        <v>110</v>
      </c>
      <c r="J55" s="19">
        <v>38</v>
      </c>
      <c r="K55" s="19">
        <v>72</v>
      </c>
    </row>
    <row r="56" spans="1:11" ht="15" customHeight="1">
      <c r="A56" s="17" t="s">
        <v>109</v>
      </c>
      <c r="B56" s="17"/>
      <c r="C56" s="13">
        <v>362</v>
      </c>
      <c r="D56" s="19">
        <v>180</v>
      </c>
      <c r="E56" s="19">
        <v>182</v>
      </c>
      <c r="F56" s="19"/>
      <c r="G56" s="18" t="s">
        <v>110</v>
      </c>
      <c r="H56" s="17"/>
      <c r="I56" s="13">
        <v>92</v>
      </c>
      <c r="J56" s="19">
        <v>25</v>
      </c>
      <c r="K56" s="19">
        <v>67</v>
      </c>
    </row>
    <row r="57" spans="1:11" ht="15" customHeight="1">
      <c r="A57" s="17" t="s">
        <v>111</v>
      </c>
      <c r="B57" s="17"/>
      <c r="C57" s="13">
        <v>419</v>
      </c>
      <c r="D57" s="19">
        <v>222</v>
      </c>
      <c r="E57" s="19">
        <v>197</v>
      </c>
      <c r="F57" s="19"/>
      <c r="G57" s="18" t="s">
        <v>112</v>
      </c>
      <c r="H57" s="17"/>
      <c r="I57" s="13">
        <v>99</v>
      </c>
      <c r="J57" s="19">
        <v>39</v>
      </c>
      <c r="K57" s="19">
        <v>60</v>
      </c>
    </row>
    <row r="58" spans="1:11" ht="15" customHeight="1">
      <c r="A58" s="17" t="s">
        <v>113</v>
      </c>
      <c r="B58" s="17"/>
      <c r="C58" s="13">
        <v>451</v>
      </c>
      <c r="D58" s="19">
        <v>225</v>
      </c>
      <c r="E58" s="19">
        <v>226</v>
      </c>
      <c r="F58" s="19"/>
      <c r="G58" s="18" t="s">
        <v>114</v>
      </c>
      <c r="H58" s="17"/>
      <c r="I58" s="13">
        <v>65</v>
      </c>
      <c r="J58" s="19">
        <v>20</v>
      </c>
      <c r="K58" s="19">
        <v>45</v>
      </c>
    </row>
    <row r="59" spans="1:11" ht="20.100000000000001" customHeight="1">
      <c r="A59" s="17" t="s">
        <v>115</v>
      </c>
      <c r="B59" s="17"/>
      <c r="C59" s="13">
        <v>2506</v>
      </c>
      <c r="D59" s="14">
        <v>1280</v>
      </c>
      <c r="E59" s="14">
        <v>1226</v>
      </c>
      <c r="F59" s="14"/>
      <c r="G59" s="18" t="s">
        <v>116</v>
      </c>
      <c r="H59" s="17"/>
      <c r="I59" s="13">
        <v>142</v>
      </c>
      <c r="J59" s="14">
        <v>24</v>
      </c>
      <c r="K59" s="14">
        <v>118</v>
      </c>
    </row>
    <row r="60" spans="1:11" ht="15" customHeight="1">
      <c r="A60" s="17" t="s">
        <v>117</v>
      </c>
      <c r="B60" s="17"/>
      <c r="C60" s="13">
        <v>459</v>
      </c>
      <c r="D60" s="19">
        <v>237</v>
      </c>
      <c r="E60" s="19">
        <v>222</v>
      </c>
      <c r="F60" s="19"/>
      <c r="G60" s="18" t="s">
        <v>118</v>
      </c>
      <c r="H60" s="17"/>
      <c r="I60" s="13">
        <v>47</v>
      </c>
      <c r="J60" s="19">
        <v>14</v>
      </c>
      <c r="K60" s="19">
        <v>33</v>
      </c>
    </row>
    <row r="61" spans="1:11" ht="15" customHeight="1">
      <c r="A61" s="17" t="s">
        <v>119</v>
      </c>
      <c r="B61" s="17"/>
      <c r="C61" s="13">
        <v>472</v>
      </c>
      <c r="D61" s="19">
        <v>246</v>
      </c>
      <c r="E61" s="19">
        <v>226</v>
      </c>
      <c r="F61" s="19"/>
      <c r="G61" s="18" t="s">
        <v>120</v>
      </c>
      <c r="H61" s="17"/>
      <c r="I61" s="13">
        <v>30</v>
      </c>
      <c r="J61" s="19">
        <v>6</v>
      </c>
      <c r="K61" s="19">
        <v>24</v>
      </c>
    </row>
    <row r="62" spans="1:11" ht="15" customHeight="1">
      <c r="A62" s="17" t="s">
        <v>121</v>
      </c>
      <c r="B62" s="17"/>
      <c r="C62" s="13">
        <v>527</v>
      </c>
      <c r="D62" s="19">
        <v>260</v>
      </c>
      <c r="E62" s="19">
        <v>267</v>
      </c>
      <c r="F62" s="19"/>
      <c r="G62" s="18" t="s">
        <v>122</v>
      </c>
      <c r="H62" s="17"/>
      <c r="I62" s="13">
        <v>32</v>
      </c>
      <c r="J62" s="19">
        <v>2</v>
      </c>
      <c r="K62" s="19">
        <v>30</v>
      </c>
    </row>
    <row r="63" spans="1:11" ht="15" customHeight="1">
      <c r="A63" s="17" t="s">
        <v>123</v>
      </c>
      <c r="B63" s="17"/>
      <c r="C63" s="13">
        <v>520</v>
      </c>
      <c r="D63" s="19">
        <v>268</v>
      </c>
      <c r="E63" s="19">
        <v>252</v>
      </c>
      <c r="F63" s="19"/>
      <c r="G63" s="18" t="s">
        <v>124</v>
      </c>
      <c r="H63" s="17"/>
      <c r="I63" s="13">
        <v>23</v>
      </c>
      <c r="J63" s="19">
        <v>1</v>
      </c>
      <c r="K63" s="19">
        <v>22</v>
      </c>
    </row>
    <row r="64" spans="1:11" ht="15" customHeight="1">
      <c r="A64" s="17" t="s">
        <v>125</v>
      </c>
      <c r="B64" s="17"/>
      <c r="C64" s="13">
        <v>528</v>
      </c>
      <c r="D64" s="19">
        <v>269</v>
      </c>
      <c r="E64" s="19">
        <v>259</v>
      </c>
      <c r="F64" s="19"/>
      <c r="G64" s="18" t="s">
        <v>126</v>
      </c>
      <c r="H64" s="17"/>
      <c r="I64" s="13">
        <v>10</v>
      </c>
      <c r="J64" s="19">
        <v>1</v>
      </c>
      <c r="K64" s="19">
        <v>9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5</v>
      </c>
      <c r="J65" s="19">
        <v>2</v>
      </c>
      <c r="K65" s="19">
        <v>13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20</v>
      </c>
      <c r="J66" s="27">
        <v>15</v>
      </c>
      <c r="K66" s="27">
        <v>5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3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7369</v>
      </c>
      <c r="D4" s="14">
        <v>13162</v>
      </c>
      <c r="E4" s="14">
        <v>1420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723</v>
      </c>
      <c r="D5" s="14">
        <v>376</v>
      </c>
      <c r="E5" s="14">
        <v>347</v>
      </c>
      <c r="F5" s="14"/>
      <c r="G5" s="18" t="s">
        <v>8</v>
      </c>
      <c r="H5" s="17"/>
      <c r="I5" s="13">
        <v>2163</v>
      </c>
      <c r="J5" s="14">
        <v>1109</v>
      </c>
      <c r="K5" s="14">
        <v>1054</v>
      </c>
    </row>
    <row r="6" spans="1:11" ht="15" customHeight="1">
      <c r="A6" s="17" t="s">
        <v>9</v>
      </c>
      <c r="B6" s="17"/>
      <c r="C6" s="13">
        <v>115</v>
      </c>
      <c r="D6" s="19">
        <v>55</v>
      </c>
      <c r="E6" s="19">
        <v>60</v>
      </c>
      <c r="F6" s="19"/>
      <c r="G6" s="18" t="s">
        <v>10</v>
      </c>
      <c r="H6" s="17"/>
      <c r="I6" s="13">
        <v>429</v>
      </c>
      <c r="J6" s="19">
        <v>205</v>
      </c>
      <c r="K6" s="19">
        <v>224</v>
      </c>
    </row>
    <row r="7" spans="1:11" ht="15" customHeight="1">
      <c r="A7" s="17" t="s">
        <v>11</v>
      </c>
      <c r="B7" s="17"/>
      <c r="C7" s="13">
        <v>136</v>
      </c>
      <c r="D7" s="19">
        <v>74</v>
      </c>
      <c r="E7" s="19">
        <v>62</v>
      </c>
      <c r="F7" s="19"/>
      <c r="G7" s="18" t="s">
        <v>12</v>
      </c>
      <c r="H7" s="17"/>
      <c r="I7" s="13">
        <v>449</v>
      </c>
      <c r="J7" s="19">
        <v>241</v>
      </c>
      <c r="K7" s="19">
        <v>208</v>
      </c>
    </row>
    <row r="8" spans="1:11" ht="15" customHeight="1">
      <c r="A8" s="17" t="s">
        <v>13</v>
      </c>
      <c r="B8" s="17"/>
      <c r="C8" s="13">
        <v>132</v>
      </c>
      <c r="D8" s="19">
        <v>72</v>
      </c>
      <c r="E8" s="19">
        <v>60</v>
      </c>
      <c r="F8" s="19"/>
      <c r="G8" s="18" t="s">
        <v>14</v>
      </c>
      <c r="H8" s="17"/>
      <c r="I8" s="13">
        <v>386</v>
      </c>
      <c r="J8" s="19">
        <v>205</v>
      </c>
      <c r="K8" s="19">
        <v>181</v>
      </c>
    </row>
    <row r="9" spans="1:11" ht="15" customHeight="1">
      <c r="A9" s="17" t="s">
        <v>15</v>
      </c>
      <c r="B9" s="17"/>
      <c r="C9" s="13">
        <v>169</v>
      </c>
      <c r="D9" s="19">
        <v>81</v>
      </c>
      <c r="E9" s="19">
        <v>88</v>
      </c>
      <c r="F9" s="19"/>
      <c r="G9" s="18" t="s">
        <v>16</v>
      </c>
      <c r="H9" s="17"/>
      <c r="I9" s="13">
        <v>455</v>
      </c>
      <c r="J9" s="19">
        <v>214</v>
      </c>
      <c r="K9" s="19">
        <v>241</v>
      </c>
    </row>
    <row r="10" spans="1:11" ht="15" customHeight="1">
      <c r="A10" s="17" t="s">
        <v>17</v>
      </c>
      <c r="B10" s="17"/>
      <c r="C10" s="13">
        <v>171</v>
      </c>
      <c r="D10" s="19">
        <v>94</v>
      </c>
      <c r="E10" s="19">
        <v>77</v>
      </c>
      <c r="F10" s="19"/>
      <c r="G10" s="18" t="s">
        <v>18</v>
      </c>
      <c r="H10" s="17"/>
      <c r="I10" s="13">
        <v>444</v>
      </c>
      <c r="J10" s="19">
        <v>244</v>
      </c>
      <c r="K10" s="19">
        <v>200</v>
      </c>
    </row>
    <row r="11" spans="1:11" ht="20.100000000000001" customHeight="1">
      <c r="A11" s="17" t="s">
        <v>19</v>
      </c>
      <c r="B11" s="17"/>
      <c r="C11" s="13">
        <v>966</v>
      </c>
      <c r="D11" s="14">
        <v>495</v>
      </c>
      <c r="E11" s="14">
        <v>471</v>
      </c>
      <c r="F11" s="14"/>
      <c r="G11" s="18" t="s">
        <v>20</v>
      </c>
      <c r="H11" s="17"/>
      <c r="I11" s="13">
        <v>1890</v>
      </c>
      <c r="J11" s="14">
        <v>927</v>
      </c>
      <c r="K11" s="14">
        <v>963</v>
      </c>
    </row>
    <row r="12" spans="1:11" ht="15" customHeight="1">
      <c r="A12" s="17" t="s">
        <v>21</v>
      </c>
      <c r="B12" s="17"/>
      <c r="C12" s="13">
        <v>196</v>
      </c>
      <c r="D12" s="19">
        <v>90</v>
      </c>
      <c r="E12" s="19">
        <v>106</v>
      </c>
      <c r="F12" s="19"/>
      <c r="G12" s="18" t="s">
        <v>22</v>
      </c>
      <c r="H12" s="17"/>
      <c r="I12" s="13">
        <v>331</v>
      </c>
      <c r="J12" s="19">
        <v>157</v>
      </c>
      <c r="K12" s="19">
        <v>174</v>
      </c>
    </row>
    <row r="13" spans="1:11" ht="15" customHeight="1">
      <c r="A13" s="17" t="s">
        <v>23</v>
      </c>
      <c r="B13" s="17"/>
      <c r="C13" s="13">
        <v>186</v>
      </c>
      <c r="D13" s="19">
        <v>109</v>
      </c>
      <c r="E13" s="19">
        <v>77</v>
      </c>
      <c r="F13" s="19"/>
      <c r="G13" s="18" t="s">
        <v>24</v>
      </c>
      <c r="H13" s="17"/>
      <c r="I13" s="13">
        <v>436</v>
      </c>
      <c r="J13" s="19">
        <v>220</v>
      </c>
      <c r="K13" s="19">
        <v>216</v>
      </c>
    </row>
    <row r="14" spans="1:11" ht="15" customHeight="1">
      <c r="A14" s="17" t="s">
        <v>25</v>
      </c>
      <c r="B14" s="17"/>
      <c r="C14" s="13">
        <v>181</v>
      </c>
      <c r="D14" s="19">
        <v>97</v>
      </c>
      <c r="E14" s="19">
        <v>84</v>
      </c>
      <c r="F14" s="19"/>
      <c r="G14" s="18" t="s">
        <v>26</v>
      </c>
      <c r="H14" s="17"/>
      <c r="I14" s="13">
        <v>400</v>
      </c>
      <c r="J14" s="19">
        <v>192</v>
      </c>
      <c r="K14" s="19">
        <v>208</v>
      </c>
    </row>
    <row r="15" spans="1:11" ht="15" customHeight="1">
      <c r="A15" s="17" t="s">
        <v>27</v>
      </c>
      <c r="B15" s="17"/>
      <c r="C15" s="13">
        <v>199</v>
      </c>
      <c r="D15" s="19">
        <v>91</v>
      </c>
      <c r="E15" s="19">
        <v>108</v>
      </c>
      <c r="F15" s="19"/>
      <c r="G15" s="18" t="s">
        <v>28</v>
      </c>
      <c r="H15" s="17"/>
      <c r="I15" s="13">
        <v>346</v>
      </c>
      <c r="J15" s="19">
        <v>157</v>
      </c>
      <c r="K15" s="19">
        <v>189</v>
      </c>
    </row>
    <row r="16" spans="1:11" ht="15" customHeight="1">
      <c r="A16" s="17" t="s">
        <v>29</v>
      </c>
      <c r="B16" s="17"/>
      <c r="C16" s="13">
        <v>204</v>
      </c>
      <c r="D16" s="19">
        <v>108</v>
      </c>
      <c r="E16" s="19">
        <v>96</v>
      </c>
      <c r="F16" s="19"/>
      <c r="G16" s="18" t="s">
        <v>30</v>
      </c>
      <c r="H16" s="17"/>
      <c r="I16" s="13">
        <v>377</v>
      </c>
      <c r="J16" s="19">
        <v>201</v>
      </c>
      <c r="K16" s="19">
        <v>176</v>
      </c>
    </row>
    <row r="17" spans="1:11" ht="20.100000000000001" customHeight="1">
      <c r="A17" s="20" t="s">
        <v>31</v>
      </c>
      <c r="B17" s="20"/>
      <c r="C17" s="13">
        <v>1060</v>
      </c>
      <c r="D17" s="14">
        <v>549</v>
      </c>
      <c r="E17" s="14">
        <v>511</v>
      </c>
      <c r="F17" s="14"/>
      <c r="G17" s="18" t="s">
        <v>32</v>
      </c>
      <c r="H17" s="17"/>
      <c r="I17" s="13">
        <v>1738</v>
      </c>
      <c r="J17" s="14">
        <v>854</v>
      </c>
      <c r="K17" s="14">
        <v>884</v>
      </c>
    </row>
    <row r="18" spans="1:11" ht="15" customHeight="1">
      <c r="A18" s="17" t="s">
        <v>33</v>
      </c>
      <c r="B18" s="17"/>
      <c r="C18" s="13">
        <v>194</v>
      </c>
      <c r="D18" s="19">
        <v>101</v>
      </c>
      <c r="E18" s="19">
        <v>93</v>
      </c>
      <c r="F18" s="19"/>
      <c r="G18" s="18" t="s">
        <v>34</v>
      </c>
      <c r="H18" s="17"/>
      <c r="I18" s="13">
        <v>345</v>
      </c>
      <c r="J18" s="19">
        <v>158</v>
      </c>
      <c r="K18" s="19">
        <v>187</v>
      </c>
    </row>
    <row r="19" spans="1:11" ht="15" customHeight="1">
      <c r="A19" s="17" t="s">
        <v>35</v>
      </c>
      <c r="B19" s="17"/>
      <c r="C19" s="13">
        <v>209</v>
      </c>
      <c r="D19" s="19">
        <v>121</v>
      </c>
      <c r="E19" s="19">
        <v>88</v>
      </c>
      <c r="F19" s="19"/>
      <c r="G19" s="18" t="s">
        <v>36</v>
      </c>
      <c r="H19" s="17"/>
      <c r="I19" s="13">
        <v>358</v>
      </c>
      <c r="J19" s="19">
        <v>172</v>
      </c>
      <c r="K19" s="19">
        <v>186</v>
      </c>
    </row>
    <row r="20" spans="1:11" ht="15" customHeight="1">
      <c r="A20" s="17" t="s">
        <v>37</v>
      </c>
      <c r="B20" s="17"/>
      <c r="C20" s="13">
        <v>233</v>
      </c>
      <c r="D20" s="19">
        <v>104</v>
      </c>
      <c r="E20" s="19">
        <v>129</v>
      </c>
      <c r="F20" s="19"/>
      <c r="G20" s="18" t="s">
        <v>38</v>
      </c>
      <c r="H20" s="17"/>
      <c r="I20" s="13">
        <v>364</v>
      </c>
      <c r="J20" s="19">
        <v>180</v>
      </c>
      <c r="K20" s="19">
        <v>184</v>
      </c>
    </row>
    <row r="21" spans="1:11" ht="15" customHeight="1">
      <c r="A21" s="17" t="s">
        <v>39</v>
      </c>
      <c r="B21" s="17"/>
      <c r="C21" s="13">
        <v>190</v>
      </c>
      <c r="D21" s="19">
        <v>101</v>
      </c>
      <c r="E21" s="19">
        <v>89</v>
      </c>
      <c r="F21" s="19"/>
      <c r="G21" s="18" t="s">
        <v>40</v>
      </c>
      <c r="H21" s="17"/>
      <c r="I21" s="13">
        <v>374</v>
      </c>
      <c r="J21" s="19">
        <v>184</v>
      </c>
      <c r="K21" s="19">
        <v>190</v>
      </c>
    </row>
    <row r="22" spans="1:11" ht="15" customHeight="1">
      <c r="A22" s="17" t="s">
        <v>41</v>
      </c>
      <c r="B22" s="17"/>
      <c r="C22" s="13">
        <v>234</v>
      </c>
      <c r="D22" s="19">
        <v>122</v>
      </c>
      <c r="E22" s="19">
        <v>112</v>
      </c>
      <c r="F22" s="19"/>
      <c r="G22" s="18" t="s">
        <v>42</v>
      </c>
      <c r="H22" s="17"/>
      <c r="I22" s="13">
        <v>297</v>
      </c>
      <c r="J22" s="19">
        <v>160</v>
      </c>
      <c r="K22" s="19">
        <v>137</v>
      </c>
    </row>
    <row r="23" spans="1:11" ht="20.100000000000001" customHeight="1">
      <c r="A23" s="17" t="s">
        <v>43</v>
      </c>
      <c r="B23" s="17"/>
      <c r="C23" s="13">
        <v>1173</v>
      </c>
      <c r="D23" s="14">
        <v>609</v>
      </c>
      <c r="E23" s="14">
        <v>564</v>
      </c>
      <c r="F23" s="14"/>
      <c r="G23" s="18" t="s">
        <v>44</v>
      </c>
      <c r="H23" s="17"/>
      <c r="I23" s="13">
        <v>1788</v>
      </c>
      <c r="J23" s="14">
        <v>876</v>
      </c>
      <c r="K23" s="14">
        <v>912</v>
      </c>
    </row>
    <row r="24" spans="1:11" ht="15" customHeight="1">
      <c r="A24" s="17" t="s">
        <v>45</v>
      </c>
      <c r="B24" s="17"/>
      <c r="C24" s="13">
        <v>251</v>
      </c>
      <c r="D24" s="19">
        <v>133</v>
      </c>
      <c r="E24" s="19">
        <v>118</v>
      </c>
      <c r="F24" s="19"/>
      <c r="G24" s="18" t="s">
        <v>46</v>
      </c>
      <c r="H24" s="17"/>
      <c r="I24" s="13">
        <v>356</v>
      </c>
      <c r="J24" s="19">
        <v>171</v>
      </c>
      <c r="K24" s="19">
        <v>185</v>
      </c>
    </row>
    <row r="25" spans="1:11" ht="15" customHeight="1">
      <c r="A25" s="17" t="s">
        <v>47</v>
      </c>
      <c r="B25" s="17"/>
      <c r="C25" s="13">
        <v>229</v>
      </c>
      <c r="D25" s="19">
        <v>114</v>
      </c>
      <c r="E25" s="19">
        <v>115</v>
      </c>
      <c r="F25" s="19"/>
      <c r="G25" s="18" t="s">
        <v>48</v>
      </c>
      <c r="H25" s="17"/>
      <c r="I25" s="13">
        <v>381</v>
      </c>
      <c r="J25" s="19">
        <v>192</v>
      </c>
      <c r="K25" s="19">
        <v>189</v>
      </c>
    </row>
    <row r="26" spans="1:11" ht="15" customHeight="1">
      <c r="A26" s="17" t="s">
        <v>49</v>
      </c>
      <c r="B26" s="17"/>
      <c r="C26" s="13">
        <v>226</v>
      </c>
      <c r="D26" s="19">
        <v>116</v>
      </c>
      <c r="E26" s="19">
        <v>110</v>
      </c>
      <c r="F26" s="19"/>
      <c r="G26" s="18" t="s">
        <v>50</v>
      </c>
      <c r="H26" s="17"/>
      <c r="I26" s="13">
        <v>322</v>
      </c>
      <c r="J26" s="19">
        <v>157</v>
      </c>
      <c r="K26" s="19">
        <v>165</v>
      </c>
    </row>
    <row r="27" spans="1:11" ht="15" customHeight="1">
      <c r="A27" s="17" t="s">
        <v>51</v>
      </c>
      <c r="B27" s="17"/>
      <c r="C27" s="13">
        <v>235</v>
      </c>
      <c r="D27" s="19">
        <v>122</v>
      </c>
      <c r="E27" s="19">
        <v>113</v>
      </c>
      <c r="F27" s="19"/>
      <c r="G27" s="18" t="s">
        <v>52</v>
      </c>
      <c r="H27" s="17"/>
      <c r="I27" s="13">
        <v>340</v>
      </c>
      <c r="J27" s="19">
        <v>173</v>
      </c>
      <c r="K27" s="19">
        <v>167</v>
      </c>
    </row>
    <row r="28" spans="1:11" ht="15" customHeight="1">
      <c r="A28" s="17" t="s">
        <v>53</v>
      </c>
      <c r="B28" s="17"/>
      <c r="C28" s="13">
        <v>232</v>
      </c>
      <c r="D28" s="19">
        <v>124</v>
      </c>
      <c r="E28" s="19">
        <v>108</v>
      </c>
      <c r="F28" s="19"/>
      <c r="G28" s="18" t="s">
        <v>54</v>
      </c>
      <c r="H28" s="17"/>
      <c r="I28" s="13">
        <v>389</v>
      </c>
      <c r="J28" s="19">
        <v>183</v>
      </c>
      <c r="K28" s="19">
        <v>206</v>
      </c>
    </row>
    <row r="29" spans="1:11" ht="20.100000000000001" customHeight="1">
      <c r="A29" s="17" t="s">
        <v>55</v>
      </c>
      <c r="B29" s="17"/>
      <c r="C29" s="13">
        <v>1098</v>
      </c>
      <c r="D29" s="14">
        <v>542</v>
      </c>
      <c r="E29" s="14">
        <v>556</v>
      </c>
      <c r="F29" s="14"/>
      <c r="G29" s="18" t="s">
        <v>56</v>
      </c>
      <c r="H29" s="17"/>
      <c r="I29" s="13">
        <v>2512</v>
      </c>
      <c r="J29" s="14">
        <v>1141</v>
      </c>
      <c r="K29" s="14">
        <v>1371</v>
      </c>
    </row>
    <row r="30" spans="1:11" ht="15" customHeight="1">
      <c r="A30" s="17" t="s">
        <v>57</v>
      </c>
      <c r="B30" s="17"/>
      <c r="C30" s="13">
        <v>258</v>
      </c>
      <c r="D30" s="19">
        <v>132</v>
      </c>
      <c r="E30" s="19">
        <v>126</v>
      </c>
      <c r="F30" s="19"/>
      <c r="G30" s="18" t="s">
        <v>58</v>
      </c>
      <c r="H30" s="17"/>
      <c r="I30" s="13">
        <v>397</v>
      </c>
      <c r="J30" s="19">
        <v>168</v>
      </c>
      <c r="K30" s="19">
        <v>229</v>
      </c>
    </row>
    <row r="31" spans="1:11" ht="15" customHeight="1">
      <c r="A31" s="17" t="s">
        <v>59</v>
      </c>
      <c r="B31" s="17"/>
      <c r="C31" s="13">
        <v>238</v>
      </c>
      <c r="D31" s="19">
        <v>111</v>
      </c>
      <c r="E31" s="19">
        <v>127</v>
      </c>
      <c r="F31" s="19"/>
      <c r="G31" s="18" t="s">
        <v>60</v>
      </c>
      <c r="H31" s="17"/>
      <c r="I31" s="13">
        <v>457</v>
      </c>
      <c r="J31" s="19">
        <v>207</v>
      </c>
      <c r="K31" s="19">
        <v>250</v>
      </c>
    </row>
    <row r="32" spans="1:11" ht="15" customHeight="1">
      <c r="A32" s="17" t="s">
        <v>61</v>
      </c>
      <c r="B32" s="17"/>
      <c r="C32" s="13">
        <v>196</v>
      </c>
      <c r="D32" s="19">
        <v>96</v>
      </c>
      <c r="E32" s="19">
        <v>100</v>
      </c>
      <c r="F32" s="19"/>
      <c r="G32" s="18" t="s">
        <v>62</v>
      </c>
      <c r="H32" s="17"/>
      <c r="I32" s="13">
        <v>541</v>
      </c>
      <c r="J32" s="19">
        <v>252</v>
      </c>
      <c r="K32" s="19">
        <v>289</v>
      </c>
    </row>
    <row r="33" spans="1:11" ht="15" customHeight="1">
      <c r="A33" s="17" t="s">
        <v>63</v>
      </c>
      <c r="B33" s="17"/>
      <c r="C33" s="13">
        <v>201</v>
      </c>
      <c r="D33" s="19">
        <v>101</v>
      </c>
      <c r="E33" s="19">
        <v>100</v>
      </c>
      <c r="F33" s="19"/>
      <c r="G33" s="18" t="s">
        <v>64</v>
      </c>
      <c r="H33" s="17"/>
      <c r="I33" s="13">
        <v>564</v>
      </c>
      <c r="J33" s="19">
        <v>252</v>
      </c>
      <c r="K33" s="19">
        <v>312</v>
      </c>
    </row>
    <row r="34" spans="1:11" ht="15" customHeight="1">
      <c r="A34" s="17" t="s">
        <v>65</v>
      </c>
      <c r="B34" s="17"/>
      <c r="C34" s="13">
        <v>205</v>
      </c>
      <c r="D34" s="19">
        <v>102</v>
      </c>
      <c r="E34" s="19">
        <v>103</v>
      </c>
      <c r="F34" s="19"/>
      <c r="G34" s="18" t="s">
        <v>66</v>
      </c>
      <c r="H34" s="17"/>
      <c r="I34" s="13">
        <v>553</v>
      </c>
      <c r="J34" s="19">
        <v>262</v>
      </c>
      <c r="K34" s="19">
        <v>291</v>
      </c>
    </row>
    <row r="35" spans="1:11" ht="20.100000000000001" customHeight="1">
      <c r="A35" s="17" t="s">
        <v>67</v>
      </c>
      <c r="B35" s="17"/>
      <c r="C35" s="13">
        <v>813</v>
      </c>
      <c r="D35" s="14">
        <v>390</v>
      </c>
      <c r="E35" s="14">
        <v>423</v>
      </c>
      <c r="F35" s="14"/>
      <c r="G35" s="18" t="s">
        <v>68</v>
      </c>
      <c r="H35" s="17"/>
      <c r="I35" s="13">
        <v>2032</v>
      </c>
      <c r="J35" s="14">
        <v>954</v>
      </c>
      <c r="K35" s="14">
        <v>1078</v>
      </c>
    </row>
    <row r="36" spans="1:11" ht="15" customHeight="1">
      <c r="A36" s="17" t="s">
        <v>69</v>
      </c>
      <c r="B36" s="17"/>
      <c r="C36" s="13">
        <v>175</v>
      </c>
      <c r="D36" s="19">
        <v>79</v>
      </c>
      <c r="E36" s="19">
        <v>96</v>
      </c>
      <c r="F36" s="19"/>
      <c r="G36" s="18" t="s">
        <v>70</v>
      </c>
      <c r="H36" s="17"/>
      <c r="I36" s="13">
        <v>367</v>
      </c>
      <c r="J36" s="19">
        <v>183</v>
      </c>
      <c r="K36" s="19">
        <v>184</v>
      </c>
    </row>
    <row r="37" spans="1:11" ht="15" customHeight="1">
      <c r="A37" s="17" t="s">
        <v>71</v>
      </c>
      <c r="B37" s="17"/>
      <c r="C37" s="13">
        <v>193</v>
      </c>
      <c r="D37" s="19">
        <v>101</v>
      </c>
      <c r="E37" s="19">
        <v>92</v>
      </c>
      <c r="F37" s="19"/>
      <c r="G37" s="18" t="s">
        <v>72</v>
      </c>
      <c r="H37" s="17"/>
      <c r="I37" s="13">
        <v>361</v>
      </c>
      <c r="J37" s="19">
        <v>175</v>
      </c>
      <c r="K37" s="19">
        <v>186</v>
      </c>
    </row>
    <row r="38" spans="1:11" ht="15" customHeight="1">
      <c r="A38" s="17" t="s">
        <v>73</v>
      </c>
      <c r="B38" s="17"/>
      <c r="C38" s="13">
        <v>140</v>
      </c>
      <c r="D38" s="19">
        <v>61</v>
      </c>
      <c r="E38" s="19">
        <v>79</v>
      </c>
      <c r="F38" s="19"/>
      <c r="G38" s="18" t="s">
        <v>74</v>
      </c>
      <c r="H38" s="17"/>
      <c r="I38" s="13">
        <v>427</v>
      </c>
      <c r="J38" s="19">
        <v>182</v>
      </c>
      <c r="K38" s="19">
        <v>245</v>
      </c>
    </row>
    <row r="39" spans="1:11" ht="15" customHeight="1">
      <c r="A39" s="17" t="s">
        <v>75</v>
      </c>
      <c r="B39" s="17"/>
      <c r="C39" s="13">
        <v>143</v>
      </c>
      <c r="D39" s="19">
        <v>68</v>
      </c>
      <c r="E39" s="19">
        <v>75</v>
      </c>
      <c r="F39" s="19"/>
      <c r="G39" s="18" t="s">
        <v>76</v>
      </c>
      <c r="H39" s="17"/>
      <c r="I39" s="13">
        <v>453</v>
      </c>
      <c r="J39" s="19">
        <v>212</v>
      </c>
      <c r="K39" s="19">
        <v>241</v>
      </c>
    </row>
    <row r="40" spans="1:11" ht="15" customHeight="1">
      <c r="A40" s="17" t="s">
        <v>77</v>
      </c>
      <c r="B40" s="17"/>
      <c r="C40" s="13">
        <v>162</v>
      </c>
      <c r="D40" s="19">
        <v>81</v>
      </c>
      <c r="E40" s="19">
        <v>81</v>
      </c>
      <c r="F40" s="19"/>
      <c r="G40" s="18" t="s">
        <v>78</v>
      </c>
      <c r="H40" s="17"/>
      <c r="I40" s="13">
        <v>424</v>
      </c>
      <c r="J40" s="19">
        <v>202</v>
      </c>
      <c r="K40" s="19">
        <v>222</v>
      </c>
    </row>
    <row r="41" spans="1:11" ht="20.100000000000001" customHeight="1">
      <c r="A41" s="17" t="s">
        <v>79</v>
      </c>
      <c r="B41" s="17"/>
      <c r="C41" s="13">
        <v>1016</v>
      </c>
      <c r="D41" s="14">
        <v>498</v>
      </c>
      <c r="E41" s="14">
        <v>518</v>
      </c>
      <c r="F41" s="14"/>
      <c r="G41" s="18" t="s">
        <v>80</v>
      </c>
      <c r="H41" s="17"/>
      <c r="I41" s="13">
        <v>1695</v>
      </c>
      <c r="J41" s="14">
        <v>737</v>
      </c>
      <c r="K41" s="14">
        <v>958</v>
      </c>
    </row>
    <row r="42" spans="1:11" ht="15" customHeight="1">
      <c r="A42" s="17" t="s">
        <v>81</v>
      </c>
      <c r="B42" s="17"/>
      <c r="C42" s="13">
        <v>178</v>
      </c>
      <c r="D42" s="19">
        <v>95</v>
      </c>
      <c r="E42" s="19">
        <v>83</v>
      </c>
      <c r="F42" s="19"/>
      <c r="G42" s="18" t="s">
        <v>82</v>
      </c>
      <c r="H42" s="17"/>
      <c r="I42" s="13">
        <v>393</v>
      </c>
      <c r="J42" s="19">
        <v>166</v>
      </c>
      <c r="K42" s="19">
        <v>227</v>
      </c>
    </row>
    <row r="43" spans="1:11" ht="15" customHeight="1">
      <c r="A43" s="17" t="s">
        <v>83</v>
      </c>
      <c r="B43" s="17"/>
      <c r="C43" s="13">
        <v>167</v>
      </c>
      <c r="D43" s="19">
        <v>87</v>
      </c>
      <c r="E43" s="19">
        <v>80</v>
      </c>
      <c r="F43" s="19"/>
      <c r="G43" s="18" t="s">
        <v>84</v>
      </c>
      <c r="H43" s="17"/>
      <c r="I43" s="13">
        <v>381</v>
      </c>
      <c r="J43" s="19">
        <v>178</v>
      </c>
      <c r="K43" s="19">
        <v>203</v>
      </c>
    </row>
    <row r="44" spans="1:11" ht="15" customHeight="1">
      <c r="A44" s="17" t="s">
        <v>85</v>
      </c>
      <c r="B44" s="17"/>
      <c r="C44" s="13">
        <v>204</v>
      </c>
      <c r="D44" s="19">
        <v>93</v>
      </c>
      <c r="E44" s="19">
        <v>111</v>
      </c>
      <c r="F44" s="19"/>
      <c r="G44" s="18" t="s">
        <v>86</v>
      </c>
      <c r="H44" s="17"/>
      <c r="I44" s="13">
        <v>311</v>
      </c>
      <c r="J44" s="19">
        <v>141</v>
      </c>
      <c r="K44" s="19">
        <v>170</v>
      </c>
    </row>
    <row r="45" spans="1:11" ht="15" customHeight="1">
      <c r="A45" s="17" t="s">
        <v>87</v>
      </c>
      <c r="B45" s="17"/>
      <c r="C45" s="13">
        <v>231</v>
      </c>
      <c r="D45" s="19">
        <v>120</v>
      </c>
      <c r="E45" s="19">
        <v>111</v>
      </c>
      <c r="F45" s="19"/>
      <c r="G45" s="18" t="s">
        <v>88</v>
      </c>
      <c r="H45" s="17"/>
      <c r="I45" s="13">
        <v>292</v>
      </c>
      <c r="J45" s="19">
        <v>122</v>
      </c>
      <c r="K45" s="19">
        <v>170</v>
      </c>
    </row>
    <row r="46" spans="1:11" ht="15" customHeight="1">
      <c r="A46" s="17" t="s">
        <v>89</v>
      </c>
      <c r="B46" s="17"/>
      <c r="C46" s="13">
        <v>236</v>
      </c>
      <c r="D46" s="19">
        <v>103</v>
      </c>
      <c r="E46" s="19">
        <v>133</v>
      </c>
      <c r="F46" s="19"/>
      <c r="G46" s="18" t="s">
        <v>90</v>
      </c>
      <c r="H46" s="17"/>
      <c r="I46" s="13">
        <v>318</v>
      </c>
      <c r="J46" s="19">
        <v>130</v>
      </c>
      <c r="K46" s="19">
        <v>188</v>
      </c>
    </row>
    <row r="47" spans="1:11" ht="20.100000000000001" customHeight="1">
      <c r="A47" s="17" t="s">
        <v>91</v>
      </c>
      <c r="B47" s="17"/>
      <c r="C47" s="13">
        <v>1222</v>
      </c>
      <c r="D47" s="14">
        <v>583</v>
      </c>
      <c r="E47" s="14">
        <v>639</v>
      </c>
      <c r="F47" s="14"/>
      <c r="G47" s="18" t="s">
        <v>92</v>
      </c>
      <c r="H47" s="17"/>
      <c r="I47" s="13">
        <v>1069</v>
      </c>
      <c r="J47" s="14">
        <v>439</v>
      </c>
      <c r="K47" s="14">
        <v>630</v>
      </c>
    </row>
    <row r="48" spans="1:11" ht="15" customHeight="1">
      <c r="A48" s="17" t="s">
        <v>93</v>
      </c>
      <c r="B48" s="17"/>
      <c r="C48" s="13">
        <v>241</v>
      </c>
      <c r="D48" s="19">
        <v>113</v>
      </c>
      <c r="E48" s="19">
        <v>128</v>
      </c>
      <c r="F48" s="19"/>
      <c r="G48" s="18" t="s">
        <v>94</v>
      </c>
      <c r="H48" s="17"/>
      <c r="I48" s="13">
        <v>261</v>
      </c>
      <c r="J48" s="19">
        <v>123</v>
      </c>
      <c r="K48" s="19">
        <v>138</v>
      </c>
    </row>
    <row r="49" spans="1:11" ht="15" customHeight="1">
      <c r="A49" s="17" t="s">
        <v>95</v>
      </c>
      <c r="B49" s="17"/>
      <c r="C49" s="13">
        <v>199</v>
      </c>
      <c r="D49" s="19">
        <v>88</v>
      </c>
      <c r="E49" s="19">
        <v>111</v>
      </c>
      <c r="F49" s="19"/>
      <c r="G49" s="18" t="s">
        <v>96</v>
      </c>
      <c r="H49" s="17"/>
      <c r="I49" s="13">
        <v>245</v>
      </c>
      <c r="J49" s="19">
        <v>112</v>
      </c>
      <c r="K49" s="19">
        <v>133</v>
      </c>
    </row>
    <row r="50" spans="1:11" ht="15" customHeight="1">
      <c r="A50" s="17" t="s">
        <v>97</v>
      </c>
      <c r="B50" s="17"/>
      <c r="C50" s="13">
        <v>242</v>
      </c>
      <c r="D50" s="19">
        <v>118</v>
      </c>
      <c r="E50" s="19">
        <v>124</v>
      </c>
      <c r="F50" s="19"/>
      <c r="G50" s="18" t="s">
        <v>98</v>
      </c>
      <c r="H50" s="17"/>
      <c r="I50" s="13">
        <v>197</v>
      </c>
      <c r="J50" s="19">
        <v>68</v>
      </c>
      <c r="K50" s="19">
        <v>129</v>
      </c>
    </row>
    <row r="51" spans="1:11" ht="15" customHeight="1">
      <c r="A51" s="17" t="s">
        <v>99</v>
      </c>
      <c r="B51" s="17"/>
      <c r="C51" s="13">
        <v>274</v>
      </c>
      <c r="D51" s="19">
        <v>128</v>
      </c>
      <c r="E51" s="19">
        <v>146</v>
      </c>
      <c r="F51" s="19"/>
      <c r="G51" s="18" t="s">
        <v>100</v>
      </c>
      <c r="H51" s="17"/>
      <c r="I51" s="13">
        <v>197</v>
      </c>
      <c r="J51" s="19">
        <v>80</v>
      </c>
      <c r="K51" s="19">
        <v>117</v>
      </c>
    </row>
    <row r="52" spans="1:11" ht="15" customHeight="1">
      <c r="A52" s="17" t="s">
        <v>101</v>
      </c>
      <c r="B52" s="17"/>
      <c r="C52" s="13">
        <v>266</v>
      </c>
      <c r="D52" s="19">
        <v>136</v>
      </c>
      <c r="E52" s="19">
        <v>130</v>
      </c>
      <c r="F52" s="19"/>
      <c r="G52" s="18" t="s">
        <v>102</v>
      </c>
      <c r="H52" s="17"/>
      <c r="I52" s="13">
        <v>169</v>
      </c>
      <c r="J52" s="19">
        <v>56</v>
      </c>
      <c r="K52" s="19">
        <v>113</v>
      </c>
    </row>
    <row r="53" spans="1:11" ht="20.100000000000001" customHeight="1">
      <c r="A53" s="17" t="s">
        <v>103</v>
      </c>
      <c r="B53" s="17"/>
      <c r="C53" s="13">
        <v>1635</v>
      </c>
      <c r="D53" s="14">
        <v>830</v>
      </c>
      <c r="E53" s="14">
        <v>805</v>
      </c>
      <c r="F53" s="14"/>
      <c r="G53" s="18" t="s">
        <v>104</v>
      </c>
      <c r="H53" s="17"/>
      <c r="I53" s="13">
        <v>486</v>
      </c>
      <c r="J53" s="14">
        <v>168</v>
      </c>
      <c r="K53" s="14">
        <v>318</v>
      </c>
    </row>
    <row r="54" spans="1:11" ht="15" customHeight="1">
      <c r="A54" s="17" t="s">
        <v>105</v>
      </c>
      <c r="B54" s="17"/>
      <c r="C54" s="13">
        <v>305</v>
      </c>
      <c r="D54" s="19">
        <v>173</v>
      </c>
      <c r="E54" s="19">
        <v>132</v>
      </c>
      <c r="F54" s="19"/>
      <c r="G54" s="18" t="s">
        <v>106</v>
      </c>
      <c r="H54" s="17"/>
      <c r="I54" s="13">
        <v>141</v>
      </c>
      <c r="J54" s="19">
        <v>53</v>
      </c>
      <c r="K54" s="19">
        <v>88</v>
      </c>
    </row>
    <row r="55" spans="1:11" ht="15" customHeight="1">
      <c r="A55" s="17" t="s">
        <v>107</v>
      </c>
      <c r="B55" s="17"/>
      <c r="C55" s="13">
        <v>321</v>
      </c>
      <c r="D55" s="19">
        <v>160</v>
      </c>
      <c r="E55" s="19">
        <v>161</v>
      </c>
      <c r="F55" s="19"/>
      <c r="G55" s="18" t="s">
        <v>108</v>
      </c>
      <c r="H55" s="17"/>
      <c r="I55" s="13">
        <v>117</v>
      </c>
      <c r="J55" s="19">
        <v>44</v>
      </c>
      <c r="K55" s="19">
        <v>73</v>
      </c>
    </row>
    <row r="56" spans="1:11" ht="15" customHeight="1">
      <c r="A56" s="17" t="s">
        <v>109</v>
      </c>
      <c r="B56" s="17"/>
      <c r="C56" s="13">
        <v>321</v>
      </c>
      <c r="D56" s="19">
        <v>154</v>
      </c>
      <c r="E56" s="19">
        <v>167</v>
      </c>
      <c r="F56" s="19"/>
      <c r="G56" s="18" t="s">
        <v>110</v>
      </c>
      <c r="H56" s="17"/>
      <c r="I56" s="13">
        <v>76</v>
      </c>
      <c r="J56" s="19">
        <v>27</v>
      </c>
      <c r="K56" s="19">
        <v>49</v>
      </c>
    </row>
    <row r="57" spans="1:11" ht="15" customHeight="1">
      <c r="A57" s="17" t="s">
        <v>111</v>
      </c>
      <c r="B57" s="17"/>
      <c r="C57" s="13">
        <v>335</v>
      </c>
      <c r="D57" s="19">
        <v>189</v>
      </c>
      <c r="E57" s="19">
        <v>146</v>
      </c>
      <c r="F57" s="19"/>
      <c r="G57" s="18" t="s">
        <v>112</v>
      </c>
      <c r="H57" s="17"/>
      <c r="I57" s="13">
        <v>90</v>
      </c>
      <c r="J57" s="19">
        <v>20</v>
      </c>
      <c r="K57" s="19">
        <v>70</v>
      </c>
    </row>
    <row r="58" spans="1:11" ht="15" customHeight="1">
      <c r="A58" s="17" t="s">
        <v>113</v>
      </c>
      <c r="B58" s="17"/>
      <c r="C58" s="13">
        <v>353</v>
      </c>
      <c r="D58" s="19">
        <v>154</v>
      </c>
      <c r="E58" s="19">
        <v>199</v>
      </c>
      <c r="F58" s="19"/>
      <c r="G58" s="18" t="s">
        <v>114</v>
      </c>
      <c r="H58" s="17"/>
      <c r="I58" s="13">
        <v>62</v>
      </c>
      <c r="J58" s="19">
        <v>24</v>
      </c>
      <c r="K58" s="19">
        <v>38</v>
      </c>
    </row>
    <row r="59" spans="1:11" ht="20.100000000000001" customHeight="1">
      <c r="A59" s="17" t="s">
        <v>115</v>
      </c>
      <c r="B59" s="17"/>
      <c r="C59" s="13">
        <v>1974</v>
      </c>
      <c r="D59" s="14">
        <v>984</v>
      </c>
      <c r="E59" s="14">
        <v>990</v>
      </c>
      <c r="F59" s="14"/>
      <c r="G59" s="18" t="s">
        <v>116</v>
      </c>
      <c r="H59" s="17"/>
      <c r="I59" s="13">
        <v>135</v>
      </c>
      <c r="J59" s="14">
        <v>27</v>
      </c>
      <c r="K59" s="14">
        <v>108</v>
      </c>
    </row>
    <row r="60" spans="1:11" ht="15" customHeight="1">
      <c r="A60" s="17" t="s">
        <v>117</v>
      </c>
      <c r="B60" s="17"/>
      <c r="C60" s="13">
        <v>347</v>
      </c>
      <c r="D60" s="19">
        <v>164</v>
      </c>
      <c r="E60" s="19">
        <v>183</v>
      </c>
      <c r="F60" s="19"/>
      <c r="G60" s="18" t="s">
        <v>118</v>
      </c>
      <c r="H60" s="17"/>
      <c r="I60" s="13">
        <v>39</v>
      </c>
      <c r="J60" s="19">
        <v>12</v>
      </c>
      <c r="K60" s="19">
        <v>27</v>
      </c>
    </row>
    <row r="61" spans="1:11" ht="15" customHeight="1">
      <c r="A61" s="17" t="s">
        <v>119</v>
      </c>
      <c r="B61" s="17"/>
      <c r="C61" s="13">
        <v>376</v>
      </c>
      <c r="D61" s="19">
        <v>197</v>
      </c>
      <c r="E61" s="19">
        <v>179</v>
      </c>
      <c r="F61" s="19"/>
      <c r="G61" s="18" t="s">
        <v>120</v>
      </c>
      <c r="H61" s="17"/>
      <c r="I61" s="13">
        <v>35</v>
      </c>
      <c r="J61" s="19">
        <v>4</v>
      </c>
      <c r="K61" s="19">
        <v>31</v>
      </c>
    </row>
    <row r="62" spans="1:11" ht="15" customHeight="1">
      <c r="A62" s="17" t="s">
        <v>121</v>
      </c>
      <c r="B62" s="17"/>
      <c r="C62" s="13">
        <v>414</v>
      </c>
      <c r="D62" s="19">
        <v>210</v>
      </c>
      <c r="E62" s="19">
        <v>204</v>
      </c>
      <c r="F62" s="19"/>
      <c r="G62" s="18" t="s">
        <v>122</v>
      </c>
      <c r="H62" s="17"/>
      <c r="I62" s="13">
        <v>27</v>
      </c>
      <c r="J62" s="19">
        <v>2</v>
      </c>
      <c r="K62" s="19">
        <v>25</v>
      </c>
    </row>
    <row r="63" spans="1:11" ht="15" customHeight="1">
      <c r="A63" s="17" t="s">
        <v>123</v>
      </c>
      <c r="B63" s="17"/>
      <c r="C63" s="13">
        <v>434</v>
      </c>
      <c r="D63" s="19">
        <v>220</v>
      </c>
      <c r="E63" s="19">
        <v>214</v>
      </c>
      <c r="F63" s="19"/>
      <c r="G63" s="18" t="s">
        <v>124</v>
      </c>
      <c r="H63" s="17"/>
      <c r="I63" s="13">
        <v>17</v>
      </c>
      <c r="J63" s="19">
        <v>5</v>
      </c>
      <c r="K63" s="19">
        <v>12</v>
      </c>
    </row>
    <row r="64" spans="1:11" ht="15" customHeight="1">
      <c r="A64" s="17" t="s">
        <v>125</v>
      </c>
      <c r="B64" s="17"/>
      <c r="C64" s="13">
        <v>403</v>
      </c>
      <c r="D64" s="19">
        <v>193</v>
      </c>
      <c r="E64" s="19">
        <v>210</v>
      </c>
      <c r="F64" s="19"/>
      <c r="G64" s="18" t="s">
        <v>126</v>
      </c>
      <c r="H64" s="17"/>
      <c r="I64" s="13">
        <v>17</v>
      </c>
      <c r="J64" s="19">
        <v>4</v>
      </c>
      <c r="K64" s="19">
        <v>13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4</v>
      </c>
      <c r="J65" s="19">
        <v>3</v>
      </c>
      <c r="K65" s="19">
        <v>11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167</v>
      </c>
      <c r="J66" s="27">
        <v>71</v>
      </c>
      <c r="K66" s="27">
        <v>96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2</v>
      </c>
      <c r="B2" s="5"/>
      <c r="C2" s="7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334080</v>
      </c>
      <c r="D4" s="14">
        <v>161663</v>
      </c>
      <c r="E4" s="14">
        <v>17241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9431</v>
      </c>
      <c r="D5" s="14">
        <v>4847</v>
      </c>
      <c r="E5" s="14">
        <v>4584</v>
      </c>
      <c r="F5" s="14"/>
      <c r="G5" s="18" t="s">
        <v>8</v>
      </c>
      <c r="H5" s="17"/>
      <c r="I5" s="13">
        <v>25835</v>
      </c>
      <c r="J5" s="14">
        <v>13184</v>
      </c>
      <c r="K5" s="14">
        <v>12651</v>
      </c>
    </row>
    <row r="6" spans="1:11" ht="15" customHeight="1">
      <c r="A6" s="17" t="s">
        <v>9</v>
      </c>
      <c r="B6" s="17"/>
      <c r="C6" s="13">
        <v>1749</v>
      </c>
      <c r="D6" s="19">
        <v>920</v>
      </c>
      <c r="E6" s="19">
        <v>829</v>
      </c>
      <c r="F6" s="19"/>
      <c r="G6" s="18" t="s">
        <v>10</v>
      </c>
      <c r="H6" s="17"/>
      <c r="I6" s="13">
        <v>5221</v>
      </c>
      <c r="J6" s="19">
        <v>2694</v>
      </c>
      <c r="K6" s="19">
        <v>2527</v>
      </c>
    </row>
    <row r="7" spans="1:11" ht="15" customHeight="1">
      <c r="A7" s="17" t="s">
        <v>11</v>
      </c>
      <c r="B7" s="17"/>
      <c r="C7" s="13">
        <v>1727</v>
      </c>
      <c r="D7" s="19">
        <v>896</v>
      </c>
      <c r="E7" s="19">
        <v>831</v>
      </c>
      <c r="F7" s="19"/>
      <c r="G7" s="18" t="s">
        <v>12</v>
      </c>
      <c r="H7" s="17"/>
      <c r="I7" s="13">
        <v>5178</v>
      </c>
      <c r="J7" s="19">
        <v>2667</v>
      </c>
      <c r="K7" s="19">
        <v>2511</v>
      </c>
    </row>
    <row r="8" spans="1:11" ht="15" customHeight="1">
      <c r="A8" s="17" t="s">
        <v>13</v>
      </c>
      <c r="B8" s="17"/>
      <c r="C8" s="13">
        <v>1919</v>
      </c>
      <c r="D8" s="19">
        <v>986</v>
      </c>
      <c r="E8" s="19">
        <v>933</v>
      </c>
      <c r="F8" s="19"/>
      <c r="G8" s="18" t="s">
        <v>14</v>
      </c>
      <c r="H8" s="17"/>
      <c r="I8" s="13">
        <v>5179</v>
      </c>
      <c r="J8" s="19">
        <v>2596</v>
      </c>
      <c r="K8" s="19">
        <v>2583</v>
      </c>
    </row>
    <row r="9" spans="1:11" ht="15" customHeight="1">
      <c r="A9" s="17" t="s">
        <v>15</v>
      </c>
      <c r="B9" s="17"/>
      <c r="C9" s="13">
        <v>1982</v>
      </c>
      <c r="D9" s="19">
        <v>1008</v>
      </c>
      <c r="E9" s="19">
        <v>974</v>
      </c>
      <c r="F9" s="19"/>
      <c r="G9" s="18" t="s">
        <v>16</v>
      </c>
      <c r="H9" s="17"/>
      <c r="I9" s="13">
        <v>4967</v>
      </c>
      <c r="J9" s="19">
        <v>2576</v>
      </c>
      <c r="K9" s="19">
        <v>2391</v>
      </c>
    </row>
    <row r="10" spans="1:11" ht="15" customHeight="1">
      <c r="A10" s="17" t="s">
        <v>17</v>
      </c>
      <c r="B10" s="17"/>
      <c r="C10" s="13">
        <v>2054</v>
      </c>
      <c r="D10" s="19">
        <v>1037</v>
      </c>
      <c r="E10" s="19">
        <v>1017</v>
      </c>
      <c r="F10" s="19"/>
      <c r="G10" s="18" t="s">
        <v>18</v>
      </c>
      <c r="H10" s="17"/>
      <c r="I10" s="13">
        <v>5290</v>
      </c>
      <c r="J10" s="19">
        <v>2651</v>
      </c>
      <c r="K10" s="19">
        <v>2639</v>
      </c>
    </row>
    <row r="11" spans="1:11" ht="20.100000000000001" customHeight="1">
      <c r="A11" s="17" t="s">
        <v>19</v>
      </c>
      <c r="B11" s="17"/>
      <c r="C11" s="13">
        <v>11644</v>
      </c>
      <c r="D11" s="14">
        <v>6038</v>
      </c>
      <c r="E11" s="14">
        <v>5606</v>
      </c>
      <c r="F11" s="14"/>
      <c r="G11" s="18" t="s">
        <v>20</v>
      </c>
      <c r="H11" s="17"/>
      <c r="I11" s="13">
        <v>22086</v>
      </c>
      <c r="J11" s="14">
        <v>11230</v>
      </c>
      <c r="K11" s="14">
        <v>10856</v>
      </c>
    </row>
    <row r="12" spans="1:11" ht="15" customHeight="1">
      <c r="A12" s="17" t="s">
        <v>21</v>
      </c>
      <c r="B12" s="17"/>
      <c r="C12" s="13">
        <v>2143</v>
      </c>
      <c r="D12" s="19">
        <v>1120</v>
      </c>
      <c r="E12" s="19">
        <v>1023</v>
      </c>
      <c r="F12" s="19"/>
      <c r="G12" s="18" t="s">
        <v>22</v>
      </c>
      <c r="H12" s="17"/>
      <c r="I12" s="13">
        <v>3735</v>
      </c>
      <c r="J12" s="19">
        <v>1919</v>
      </c>
      <c r="K12" s="19">
        <v>1816</v>
      </c>
    </row>
    <row r="13" spans="1:11" ht="15" customHeight="1">
      <c r="A13" s="17" t="s">
        <v>23</v>
      </c>
      <c r="B13" s="17"/>
      <c r="C13" s="13">
        <v>2263</v>
      </c>
      <c r="D13" s="19">
        <v>1161</v>
      </c>
      <c r="E13" s="19">
        <v>1102</v>
      </c>
      <c r="F13" s="19"/>
      <c r="G13" s="18" t="s">
        <v>24</v>
      </c>
      <c r="H13" s="17"/>
      <c r="I13" s="13">
        <v>5132</v>
      </c>
      <c r="J13" s="19">
        <v>2626</v>
      </c>
      <c r="K13" s="19">
        <v>2506</v>
      </c>
    </row>
    <row r="14" spans="1:11" ht="15" customHeight="1">
      <c r="A14" s="17" t="s">
        <v>25</v>
      </c>
      <c r="B14" s="17"/>
      <c r="C14" s="13">
        <v>2300</v>
      </c>
      <c r="D14" s="19">
        <v>1211</v>
      </c>
      <c r="E14" s="19">
        <v>1089</v>
      </c>
      <c r="F14" s="19"/>
      <c r="G14" s="18" t="s">
        <v>26</v>
      </c>
      <c r="H14" s="17"/>
      <c r="I14" s="13">
        <v>4568</v>
      </c>
      <c r="J14" s="19">
        <v>2329</v>
      </c>
      <c r="K14" s="19">
        <v>2239</v>
      </c>
    </row>
    <row r="15" spans="1:11" ht="15" customHeight="1">
      <c r="A15" s="17" t="s">
        <v>27</v>
      </c>
      <c r="B15" s="17"/>
      <c r="C15" s="13">
        <v>2378</v>
      </c>
      <c r="D15" s="19">
        <v>1245</v>
      </c>
      <c r="E15" s="19">
        <v>1133</v>
      </c>
      <c r="F15" s="19"/>
      <c r="G15" s="18" t="s">
        <v>28</v>
      </c>
      <c r="H15" s="17"/>
      <c r="I15" s="13">
        <v>4500</v>
      </c>
      <c r="J15" s="19">
        <v>2253</v>
      </c>
      <c r="K15" s="19">
        <v>2247</v>
      </c>
    </row>
    <row r="16" spans="1:11" ht="15" customHeight="1">
      <c r="A16" s="17" t="s">
        <v>29</v>
      </c>
      <c r="B16" s="17"/>
      <c r="C16" s="13">
        <v>2560</v>
      </c>
      <c r="D16" s="19">
        <v>1301</v>
      </c>
      <c r="E16" s="19">
        <v>1259</v>
      </c>
      <c r="F16" s="19"/>
      <c r="G16" s="18" t="s">
        <v>30</v>
      </c>
      <c r="H16" s="17"/>
      <c r="I16" s="13">
        <v>4151</v>
      </c>
      <c r="J16" s="19">
        <v>2103</v>
      </c>
      <c r="K16" s="19">
        <v>2048</v>
      </c>
    </row>
    <row r="17" spans="1:11" ht="20.100000000000001" customHeight="1">
      <c r="A17" s="20" t="s">
        <v>31</v>
      </c>
      <c r="B17" s="20"/>
      <c r="C17" s="13">
        <v>13295</v>
      </c>
      <c r="D17" s="14">
        <v>6772</v>
      </c>
      <c r="E17" s="14">
        <v>6523</v>
      </c>
      <c r="F17" s="14"/>
      <c r="G17" s="18" t="s">
        <v>32</v>
      </c>
      <c r="H17" s="17"/>
      <c r="I17" s="13">
        <v>20541</v>
      </c>
      <c r="J17" s="14">
        <v>10259</v>
      </c>
      <c r="K17" s="14">
        <v>10282</v>
      </c>
    </row>
    <row r="18" spans="1:11" ht="15" customHeight="1">
      <c r="A18" s="17" t="s">
        <v>33</v>
      </c>
      <c r="B18" s="17"/>
      <c r="C18" s="13">
        <v>2574</v>
      </c>
      <c r="D18" s="19">
        <v>1312</v>
      </c>
      <c r="E18" s="19">
        <v>1262</v>
      </c>
      <c r="F18" s="19"/>
      <c r="G18" s="18" t="s">
        <v>34</v>
      </c>
      <c r="H18" s="17"/>
      <c r="I18" s="13">
        <v>4086</v>
      </c>
      <c r="J18" s="19">
        <v>2011</v>
      </c>
      <c r="K18" s="19">
        <v>2075</v>
      </c>
    </row>
    <row r="19" spans="1:11" ht="15" customHeight="1">
      <c r="A19" s="17" t="s">
        <v>35</v>
      </c>
      <c r="B19" s="17"/>
      <c r="C19" s="13">
        <v>2606</v>
      </c>
      <c r="D19" s="19">
        <v>1339</v>
      </c>
      <c r="E19" s="19">
        <v>1267</v>
      </c>
      <c r="F19" s="19"/>
      <c r="G19" s="18" t="s">
        <v>36</v>
      </c>
      <c r="H19" s="17"/>
      <c r="I19" s="13">
        <v>4090</v>
      </c>
      <c r="J19" s="19">
        <v>2039</v>
      </c>
      <c r="K19" s="19">
        <v>2051</v>
      </c>
    </row>
    <row r="20" spans="1:11" ht="15" customHeight="1">
      <c r="A20" s="17" t="s">
        <v>37</v>
      </c>
      <c r="B20" s="17"/>
      <c r="C20" s="13">
        <v>2634</v>
      </c>
      <c r="D20" s="19">
        <v>1347</v>
      </c>
      <c r="E20" s="19">
        <v>1287</v>
      </c>
      <c r="F20" s="19"/>
      <c r="G20" s="18" t="s">
        <v>38</v>
      </c>
      <c r="H20" s="17"/>
      <c r="I20" s="13">
        <v>4124</v>
      </c>
      <c r="J20" s="19">
        <v>2092</v>
      </c>
      <c r="K20" s="19">
        <v>2032</v>
      </c>
    </row>
    <row r="21" spans="1:11" ht="15" customHeight="1">
      <c r="A21" s="17" t="s">
        <v>39</v>
      </c>
      <c r="B21" s="17"/>
      <c r="C21" s="13">
        <v>2765</v>
      </c>
      <c r="D21" s="19">
        <v>1410</v>
      </c>
      <c r="E21" s="19">
        <v>1355</v>
      </c>
      <c r="F21" s="19"/>
      <c r="G21" s="18" t="s">
        <v>40</v>
      </c>
      <c r="H21" s="17"/>
      <c r="I21" s="13">
        <v>4281</v>
      </c>
      <c r="J21" s="19">
        <v>2163</v>
      </c>
      <c r="K21" s="19">
        <v>2118</v>
      </c>
    </row>
    <row r="22" spans="1:11" ht="15" customHeight="1">
      <c r="A22" s="17" t="s">
        <v>41</v>
      </c>
      <c r="B22" s="17"/>
      <c r="C22" s="13">
        <v>2716</v>
      </c>
      <c r="D22" s="19">
        <v>1364</v>
      </c>
      <c r="E22" s="19">
        <v>1352</v>
      </c>
      <c r="F22" s="19"/>
      <c r="G22" s="18" t="s">
        <v>42</v>
      </c>
      <c r="H22" s="17"/>
      <c r="I22" s="13">
        <v>3960</v>
      </c>
      <c r="J22" s="19">
        <v>1954</v>
      </c>
      <c r="K22" s="19">
        <v>2006</v>
      </c>
    </row>
    <row r="23" spans="1:11" ht="20.100000000000001" customHeight="1">
      <c r="A23" s="17" t="s">
        <v>43</v>
      </c>
      <c r="B23" s="17"/>
      <c r="C23" s="13">
        <v>14501</v>
      </c>
      <c r="D23" s="14">
        <v>7367</v>
      </c>
      <c r="E23" s="14">
        <v>7134</v>
      </c>
      <c r="F23" s="14"/>
      <c r="G23" s="18" t="s">
        <v>44</v>
      </c>
      <c r="H23" s="17"/>
      <c r="I23" s="13">
        <v>21885</v>
      </c>
      <c r="J23" s="14">
        <v>10666</v>
      </c>
      <c r="K23" s="14">
        <v>11219</v>
      </c>
    </row>
    <row r="24" spans="1:11" ht="15" customHeight="1">
      <c r="A24" s="17" t="s">
        <v>45</v>
      </c>
      <c r="B24" s="17"/>
      <c r="C24" s="13">
        <v>2768</v>
      </c>
      <c r="D24" s="19">
        <v>1406</v>
      </c>
      <c r="E24" s="19">
        <v>1362</v>
      </c>
      <c r="F24" s="19"/>
      <c r="G24" s="18" t="s">
        <v>46</v>
      </c>
      <c r="H24" s="17"/>
      <c r="I24" s="13">
        <v>4016</v>
      </c>
      <c r="J24" s="19">
        <v>2005</v>
      </c>
      <c r="K24" s="19">
        <v>2011</v>
      </c>
    </row>
    <row r="25" spans="1:11" ht="15" customHeight="1">
      <c r="A25" s="17" t="s">
        <v>47</v>
      </c>
      <c r="B25" s="17"/>
      <c r="C25" s="13">
        <v>2736</v>
      </c>
      <c r="D25" s="19">
        <v>1383</v>
      </c>
      <c r="E25" s="19">
        <v>1353</v>
      </c>
      <c r="F25" s="19"/>
      <c r="G25" s="18" t="s">
        <v>48</v>
      </c>
      <c r="H25" s="17"/>
      <c r="I25" s="13">
        <v>4269</v>
      </c>
      <c r="J25" s="19">
        <v>2062</v>
      </c>
      <c r="K25" s="19">
        <v>2207</v>
      </c>
    </row>
    <row r="26" spans="1:11" ht="15" customHeight="1">
      <c r="A26" s="17" t="s">
        <v>49</v>
      </c>
      <c r="B26" s="17"/>
      <c r="C26" s="13">
        <v>2878</v>
      </c>
      <c r="D26" s="19">
        <v>1510</v>
      </c>
      <c r="E26" s="19">
        <v>1368</v>
      </c>
      <c r="F26" s="19"/>
      <c r="G26" s="18" t="s">
        <v>50</v>
      </c>
      <c r="H26" s="17"/>
      <c r="I26" s="13">
        <v>4245</v>
      </c>
      <c r="J26" s="19">
        <v>2018</v>
      </c>
      <c r="K26" s="19">
        <v>2227</v>
      </c>
    </row>
    <row r="27" spans="1:11" ht="15" customHeight="1">
      <c r="A27" s="17" t="s">
        <v>51</v>
      </c>
      <c r="B27" s="17"/>
      <c r="C27" s="13">
        <v>3060</v>
      </c>
      <c r="D27" s="19">
        <v>1561</v>
      </c>
      <c r="E27" s="19">
        <v>1499</v>
      </c>
      <c r="F27" s="19"/>
      <c r="G27" s="18" t="s">
        <v>52</v>
      </c>
      <c r="H27" s="17"/>
      <c r="I27" s="13">
        <v>4431</v>
      </c>
      <c r="J27" s="19">
        <v>2146</v>
      </c>
      <c r="K27" s="19">
        <v>2285</v>
      </c>
    </row>
    <row r="28" spans="1:11" ht="15" customHeight="1">
      <c r="A28" s="17" t="s">
        <v>53</v>
      </c>
      <c r="B28" s="17"/>
      <c r="C28" s="13">
        <v>3059</v>
      </c>
      <c r="D28" s="19">
        <v>1507</v>
      </c>
      <c r="E28" s="19">
        <v>1552</v>
      </c>
      <c r="F28" s="19"/>
      <c r="G28" s="18" t="s">
        <v>54</v>
      </c>
      <c r="H28" s="17"/>
      <c r="I28" s="13">
        <v>4924</v>
      </c>
      <c r="J28" s="19">
        <v>2435</v>
      </c>
      <c r="K28" s="19">
        <v>2489</v>
      </c>
    </row>
    <row r="29" spans="1:11" ht="20.100000000000001" customHeight="1">
      <c r="A29" s="17" t="s">
        <v>55</v>
      </c>
      <c r="B29" s="17"/>
      <c r="C29" s="13">
        <v>15071</v>
      </c>
      <c r="D29" s="14">
        <v>7412</v>
      </c>
      <c r="E29" s="14">
        <v>7659</v>
      </c>
      <c r="F29" s="14"/>
      <c r="G29" s="18" t="s">
        <v>56</v>
      </c>
      <c r="H29" s="17"/>
      <c r="I29" s="13">
        <v>28813</v>
      </c>
      <c r="J29" s="14">
        <v>13581</v>
      </c>
      <c r="K29" s="14">
        <v>15232</v>
      </c>
    </row>
    <row r="30" spans="1:11" ht="15" customHeight="1">
      <c r="A30" s="17" t="s">
        <v>57</v>
      </c>
      <c r="B30" s="17"/>
      <c r="C30" s="13">
        <v>3080</v>
      </c>
      <c r="D30" s="19">
        <v>1549</v>
      </c>
      <c r="E30" s="19">
        <v>1531</v>
      </c>
      <c r="F30" s="19"/>
      <c r="G30" s="18" t="s">
        <v>58</v>
      </c>
      <c r="H30" s="17"/>
      <c r="I30" s="13">
        <v>5207</v>
      </c>
      <c r="J30" s="19">
        <v>2440</v>
      </c>
      <c r="K30" s="19">
        <v>2767</v>
      </c>
    </row>
    <row r="31" spans="1:11" ht="15" customHeight="1">
      <c r="A31" s="17" t="s">
        <v>59</v>
      </c>
      <c r="B31" s="17"/>
      <c r="C31" s="13">
        <v>3110</v>
      </c>
      <c r="D31" s="19">
        <v>1495</v>
      </c>
      <c r="E31" s="19">
        <v>1615</v>
      </c>
      <c r="F31" s="19"/>
      <c r="G31" s="18" t="s">
        <v>60</v>
      </c>
      <c r="H31" s="17"/>
      <c r="I31" s="13">
        <v>5396</v>
      </c>
      <c r="J31" s="19">
        <v>2531</v>
      </c>
      <c r="K31" s="19">
        <v>2865</v>
      </c>
    </row>
    <row r="32" spans="1:11" ht="15" customHeight="1">
      <c r="A32" s="17" t="s">
        <v>61</v>
      </c>
      <c r="B32" s="17"/>
      <c r="C32" s="13">
        <v>3131</v>
      </c>
      <c r="D32" s="19">
        <v>1516</v>
      </c>
      <c r="E32" s="19">
        <v>1615</v>
      </c>
      <c r="F32" s="19"/>
      <c r="G32" s="18" t="s">
        <v>62</v>
      </c>
      <c r="H32" s="17"/>
      <c r="I32" s="13">
        <v>6276</v>
      </c>
      <c r="J32" s="19">
        <v>2954</v>
      </c>
      <c r="K32" s="19">
        <v>3322</v>
      </c>
    </row>
    <row r="33" spans="1:11" ht="15" customHeight="1">
      <c r="A33" s="17" t="s">
        <v>63</v>
      </c>
      <c r="B33" s="17"/>
      <c r="C33" s="13">
        <v>2934</v>
      </c>
      <c r="D33" s="19">
        <v>1435</v>
      </c>
      <c r="E33" s="19">
        <v>1499</v>
      </c>
      <c r="F33" s="19"/>
      <c r="G33" s="18" t="s">
        <v>64</v>
      </c>
      <c r="H33" s="17"/>
      <c r="I33" s="13">
        <v>5926</v>
      </c>
      <c r="J33" s="19">
        <v>2818</v>
      </c>
      <c r="K33" s="19">
        <v>3108</v>
      </c>
    </row>
    <row r="34" spans="1:11" ht="15" customHeight="1">
      <c r="A34" s="17" t="s">
        <v>65</v>
      </c>
      <c r="B34" s="17"/>
      <c r="C34" s="13">
        <v>2816</v>
      </c>
      <c r="D34" s="19">
        <v>1417</v>
      </c>
      <c r="E34" s="19">
        <v>1399</v>
      </c>
      <c r="F34" s="19"/>
      <c r="G34" s="18" t="s">
        <v>66</v>
      </c>
      <c r="H34" s="17"/>
      <c r="I34" s="13">
        <v>6008</v>
      </c>
      <c r="J34" s="19">
        <v>2838</v>
      </c>
      <c r="K34" s="19">
        <v>3170</v>
      </c>
    </row>
    <row r="35" spans="1:11" ht="20.100000000000001" customHeight="1">
      <c r="A35" s="17" t="s">
        <v>67</v>
      </c>
      <c r="B35" s="17"/>
      <c r="C35" s="13">
        <v>13656</v>
      </c>
      <c r="D35" s="14">
        <v>6950</v>
      </c>
      <c r="E35" s="14">
        <v>6706</v>
      </c>
      <c r="F35" s="14"/>
      <c r="G35" s="18" t="s">
        <v>68</v>
      </c>
      <c r="H35" s="17"/>
      <c r="I35" s="13">
        <v>21440</v>
      </c>
      <c r="J35" s="14">
        <v>9618</v>
      </c>
      <c r="K35" s="14">
        <v>11822</v>
      </c>
    </row>
    <row r="36" spans="1:11" ht="15" customHeight="1">
      <c r="A36" s="17" t="s">
        <v>69</v>
      </c>
      <c r="B36" s="17"/>
      <c r="C36" s="13">
        <v>2856</v>
      </c>
      <c r="D36" s="19">
        <v>1389</v>
      </c>
      <c r="E36" s="19">
        <v>1467</v>
      </c>
      <c r="F36" s="19"/>
      <c r="G36" s="18" t="s">
        <v>70</v>
      </c>
      <c r="H36" s="17"/>
      <c r="I36" s="13">
        <v>4202</v>
      </c>
      <c r="J36" s="19">
        <v>1943</v>
      </c>
      <c r="K36" s="19">
        <v>2259</v>
      </c>
    </row>
    <row r="37" spans="1:11" ht="15" customHeight="1">
      <c r="A37" s="17" t="s">
        <v>71</v>
      </c>
      <c r="B37" s="17"/>
      <c r="C37" s="13">
        <v>2752</v>
      </c>
      <c r="D37" s="19">
        <v>1418</v>
      </c>
      <c r="E37" s="19">
        <v>1334</v>
      </c>
      <c r="F37" s="19"/>
      <c r="G37" s="18" t="s">
        <v>72</v>
      </c>
      <c r="H37" s="17"/>
      <c r="I37" s="13">
        <v>3698</v>
      </c>
      <c r="J37" s="19">
        <v>1631</v>
      </c>
      <c r="K37" s="19">
        <v>2067</v>
      </c>
    </row>
    <row r="38" spans="1:11" ht="15" customHeight="1">
      <c r="A38" s="17" t="s">
        <v>73</v>
      </c>
      <c r="B38" s="17"/>
      <c r="C38" s="13">
        <v>2726</v>
      </c>
      <c r="D38" s="19">
        <v>1351</v>
      </c>
      <c r="E38" s="19">
        <v>1375</v>
      </c>
      <c r="F38" s="19"/>
      <c r="G38" s="18" t="s">
        <v>74</v>
      </c>
      <c r="H38" s="17"/>
      <c r="I38" s="13">
        <v>4514</v>
      </c>
      <c r="J38" s="19">
        <v>2047</v>
      </c>
      <c r="K38" s="19">
        <v>2467</v>
      </c>
    </row>
    <row r="39" spans="1:11" ht="15" customHeight="1">
      <c r="A39" s="17" t="s">
        <v>75</v>
      </c>
      <c r="B39" s="17"/>
      <c r="C39" s="13">
        <v>2684</v>
      </c>
      <c r="D39" s="19">
        <v>1417</v>
      </c>
      <c r="E39" s="19">
        <v>1267</v>
      </c>
      <c r="F39" s="19"/>
      <c r="G39" s="18" t="s">
        <v>76</v>
      </c>
      <c r="H39" s="17"/>
      <c r="I39" s="13">
        <v>4634</v>
      </c>
      <c r="J39" s="19">
        <v>2072</v>
      </c>
      <c r="K39" s="19">
        <v>2562</v>
      </c>
    </row>
    <row r="40" spans="1:11" ht="15" customHeight="1">
      <c r="A40" s="17" t="s">
        <v>77</v>
      </c>
      <c r="B40" s="17"/>
      <c r="C40" s="13">
        <v>2638</v>
      </c>
      <c r="D40" s="19">
        <v>1375</v>
      </c>
      <c r="E40" s="19">
        <v>1263</v>
      </c>
      <c r="F40" s="19"/>
      <c r="G40" s="18" t="s">
        <v>78</v>
      </c>
      <c r="H40" s="17"/>
      <c r="I40" s="13">
        <v>4392</v>
      </c>
      <c r="J40" s="19">
        <v>1925</v>
      </c>
      <c r="K40" s="19">
        <v>2467</v>
      </c>
    </row>
    <row r="41" spans="1:11" ht="20.100000000000001" customHeight="1">
      <c r="A41" s="17" t="s">
        <v>79</v>
      </c>
      <c r="B41" s="17"/>
      <c r="C41" s="13">
        <v>14060</v>
      </c>
      <c r="D41" s="14">
        <v>7214</v>
      </c>
      <c r="E41" s="14">
        <v>6846</v>
      </c>
      <c r="F41" s="14"/>
      <c r="G41" s="18" t="s">
        <v>80</v>
      </c>
      <c r="H41" s="17"/>
      <c r="I41" s="13">
        <v>17398</v>
      </c>
      <c r="J41" s="14">
        <v>7223</v>
      </c>
      <c r="K41" s="14">
        <v>10175</v>
      </c>
    </row>
    <row r="42" spans="1:11" ht="15" customHeight="1">
      <c r="A42" s="17" t="s">
        <v>81</v>
      </c>
      <c r="B42" s="17"/>
      <c r="C42" s="13">
        <v>2680</v>
      </c>
      <c r="D42" s="19">
        <v>1347</v>
      </c>
      <c r="E42" s="19">
        <v>1333</v>
      </c>
      <c r="F42" s="19"/>
      <c r="G42" s="18" t="s">
        <v>82</v>
      </c>
      <c r="H42" s="17"/>
      <c r="I42" s="13">
        <v>4280</v>
      </c>
      <c r="J42" s="19">
        <v>1795</v>
      </c>
      <c r="K42" s="19">
        <v>2485</v>
      </c>
    </row>
    <row r="43" spans="1:11" ht="15" customHeight="1">
      <c r="A43" s="17" t="s">
        <v>83</v>
      </c>
      <c r="B43" s="17"/>
      <c r="C43" s="13">
        <v>2670</v>
      </c>
      <c r="D43" s="19">
        <v>1379</v>
      </c>
      <c r="E43" s="19">
        <v>1291</v>
      </c>
      <c r="F43" s="19"/>
      <c r="G43" s="18" t="s">
        <v>84</v>
      </c>
      <c r="H43" s="17"/>
      <c r="I43" s="13">
        <v>3891</v>
      </c>
      <c r="J43" s="19">
        <v>1657</v>
      </c>
      <c r="K43" s="19">
        <v>2234</v>
      </c>
    </row>
    <row r="44" spans="1:11" ht="15" customHeight="1">
      <c r="A44" s="17" t="s">
        <v>85</v>
      </c>
      <c r="B44" s="17"/>
      <c r="C44" s="13">
        <v>2792</v>
      </c>
      <c r="D44" s="19">
        <v>1460</v>
      </c>
      <c r="E44" s="19">
        <v>1332</v>
      </c>
      <c r="F44" s="19"/>
      <c r="G44" s="18" t="s">
        <v>86</v>
      </c>
      <c r="H44" s="17"/>
      <c r="I44" s="13">
        <v>3202</v>
      </c>
      <c r="J44" s="19">
        <v>1327</v>
      </c>
      <c r="K44" s="19">
        <v>1875</v>
      </c>
    </row>
    <row r="45" spans="1:11" ht="15" customHeight="1">
      <c r="A45" s="17" t="s">
        <v>87</v>
      </c>
      <c r="B45" s="17"/>
      <c r="C45" s="13">
        <v>2959</v>
      </c>
      <c r="D45" s="19">
        <v>1504</v>
      </c>
      <c r="E45" s="19">
        <v>1455</v>
      </c>
      <c r="F45" s="19"/>
      <c r="G45" s="18" t="s">
        <v>88</v>
      </c>
      <c r="H45" s="17"/>
      <c r="I45" s="13">
        <v>3003</v>
      </c>
      <c r="J45" s="19">
        <v>1248</v>
      </c>
      <c r="K45" s="19">
        <v>1755</v>
      </c>
    </row>
    <row r="46" spans="1:11" ht="15" customHeight="1">
      <c r="A46" s="17" t="s">
        <v>89</v>
      </c>
      <c r="B46" s="17"/>
      <c r="C46" s="13">
        <v>2959</v>
      </c>
      <c r="D46" s="19">
        <v>1524</v>
      </c>
      <c r="E46" s="19">
        <v>1435</v>
      </c>
      <c r="F46" s="19"/>
      <c r="G46" s="18" t="s">
        <v>90</v>
      </c>
      <c r="H46" s="17"/>
      <c r="I46" s="13">
        <v>3022</v>
      </c>
      <c r="J46" s="19">
        <v>1196</v>
      </c>
      <c r="K46" s="19">
        <v>1826</v>
      </c>
    </row>
    <row r="47" spans="1:11" ht="20.100000000000001" customHeight="1">
      <c r="A47" s="17" t="s">
        <v>91</v>
      </c>
      <c r="B47" s="17"/>
      <c r="C47" s="13">
        <v>16505</v>
      </c>
      <c r="D47" s="14">
        <v>8420</v>
      </c>
      <c r="E47" s="14">
        <v>8085</v>
      </c>
      <c r="F47" s="14"/>
      <c r="G47" s="18" t="s">
        <v>92</v>
      </c>
      <c r="H47" s="17"/>
      <c r="I47" s="13">
        <v>11390</v>
      </c>
      <c r="J47" s="14">
        <v>4192</v>
      </c>
      <c r="K47" s="14">
        <v>7198</v>
      </c>
    </row>
    <row r="48" spans="1:11" ht="15" customHeight="1">
      <c r="A48" s="17" t="s">
        <v>93</v>
      </c>
      <c r="B48" s="17"/>
      <c r="C48" s="13">
        <v>3052</v>
      </c>
      <c r="D48" s="19">
        <v>1584</v>
      </c>
      <c r="E48" s="19">
        <v>1468</v>
      </c>
      <c r="F48" s="19"/>
      <c r="G48" s="18" t="s">
        <v>94</v>
      </c>
      <c r="H48" s="17"/>
      <c r="I48" s="13">
        <v>2742</v>
      </c>
      <c r="J48" s="19">
        <v>1075</v>
      </c>
      <c r="K48" s="19">
        <v>1667</v>
      </c>
    </row>
    <row r="49" spans="1:11" ht="15" customHeight="1">
      <c r="A49" s="17" t="s">
        <v>95</v>
      </c>
      <c r="B49" s="17"/>
      <c r="C49" s="13">
        <v>3119</v>
      </c>
      <c r="D49" s="19">
        <v>1611</v>
      </c>
      <c r="E49" s="19">
        <v>1508</v>
      </c>
      <c r="F49" s="19"/>
      <c r="G49" s="18" t="s">
        <v>96</v>
      </c>
      <c r="H49" s="17"/>
      <c r="I49" s="13">
        <v>2626</v>
      </c>
      <c r="J49" s="19">
        <v>980</v>
      </c>
      <c r="K49" s="19">
        <v>1646</v>
      </c>
    </row>
    <row r="50" spans="1:11" ht="15" customHeight="1">
      <c r="A50" s="17" t="s">
        <v>97</v>
      </c>
      <c r="B50" s="17"/>
      <c r="C50" s="13">
        <v>3349</v>
      </c>
      <c r="D50" s="19">
        <v>1690</v>
      </c>
      <c r="E50" s="19">
        <v>1659</v>
      </c>
      <c r="F50" s="19"/>
      <c r="G50" s="18" t="s">
        <v>98</v>
      </c>
      <c r="H50" s="17"/>
      <c r="I50" s="13">
        <v>2224</v>
      </c>
      <c r="J50" s="19">
        <v>811</v>
      </c>
      <c r="K50" s="19">
        <v>1413</v>
      </c>
    </row>
    <row r="51" spans="1:11" ht="15" customHeight="1">
      <c r="A51" s="17" t="s">
        <v>99</v>
      </c>
      <c r="B51" s="17"/>
      <c r="C51" s="13">
        <v>3526</v>
      </c>
      <c r="D51" s="19">
        <v>1755</v>
      </c>
      <c r="E51" s="19">
        <v>1771</v>
      </c>
      <c r="F51" s="19"/>
      <c r="G51" s="18" t="s">
        <v>100</v>
      </c>
      <c r="H51" s="17"/>
      <c r="I51" s="13">
        <v>1984</v>
      </c>
      <c r="J51" s="19">
        <v>704</v>
      </c>
      <c r="K51" s="19">
        <v>1280</v>
      </c>
    </row>
    <row r="52" spans="1:11" ht="15" customHeight="1">
      <c r="A52" s="17" t="s">
        <v>101</v>
      </c>
      <c r="B52" s="17"/>
      <c r="C52" s="13">
        <v>3459</v>
      </c>
      <c r="D52" s="19">
        <v>1780</v>
      </c>
      <c r="E52" s="19">
        <v>1679</v>
      </c>
      <c r="F52" s="19"/>
      <c r="G52" s="18" t="s">
        <v>102</v>
      </c>
      <c r="H52" s="17"/>
      <c r="I52" s="13">
        <v>1814</v>
      </c>
      <c r="J52" s="19">
        <v>622</v>
      </c>
      <c r="K52" s="19">
        <v>1192</v>
      </c>
    </row>
    <row r="53" spans="1:11" ht="20.100000000000001" customHeight="1">
      <c r="A53" s="17" t="s">
        <v>103</v>
      </c>
      <c r="B53" s="17"/>
      <c r="C53" s="13">
        <v>19580</v>
      </c>
      <c r="D53" s="14">
        <v>9964</v>
      </c>
      <c r="E53" s="14">
        <v>9616</v>
      </c>
      <c r="F53" s="14"/>
      <c r="G53" s="18" t="s">
        <v>104</v>
      </c>
      <c r="H53" s="17"/>
      <c r="I53" s="13">
        <v>5284</v>
      </c>
      <c r="J53" s="14">
        <v>1494</v>
      </c>
      <c r="K53" s="14">
        <v>3790</v>
      </c>
    </row>
    <row r="54" spans="1:11" ht="15" customHeight="1">
      <c r="A54" s="17" t="s">
        <v>105</v>
      </c>
      <c r="B54" s="17"/>
      <c r="C54" s="13">
        <v>3639</v>
      </c>
      <c r="D54" s="19">
        <v>1825</v>
      </c>
      <c r="E54" s="19">
        <v>1814</v>
      </c>
      <c r="F54" s="19"/>
      <c r="G54" s="18" t="s">
        <v>106</v>
      </c>
      <c r="H54" s="17"/>
      <c r="I54" s="13">
        <v>1474</v>
      </c>
      <c r="J54" s="19">
        <v>455</v>
      </c>
      <c r="K54" s="19">
        <v>1019</v>
      </c>
    </row>
    <row r="55" spans="1:11" ht="15" customHeight="1">
      <c r="A55" s="17" t="s">
        <v>107</v>
      </c>
      <c r="B55" s="17"/>
      <c r="C55" s="13">
        <v>3800</v>
      </c>
      <c r="D55" s="19">
        <v>1908</v>
      </c>
      <c r="E55" s="19">
        <v>1892</v>
      </c>
      <c r="F55" s="19"/>
      <c r="G55" s="18" t="s">
        <v>108</v>
      </c>
      <c r="H55" s="17"/>
      <c r="I55" s="13">
        <v>1208</v>
      </c>
      <c r="J55" s="19">
        <v>348</v>
      </c>
      <c r="K55" s="19">
        <v>860</v>
      </c>
    </row>
    <row r="56" spans="1:11" ht="15" customHeight="1">
      <c r="A56" s="17" t="s">
        <v>109</v>
      </c>
      <c r="B56" s="17"/>
      <c r="C56" s="13">
        <v>3795</v>
      </c>
      <c r="D56" s="19">
        <v>1959</v>
      </c>
      <c r="E56" s="19">
        <v>1836</v>
      </c>
      <c r="F56" s="19"/>
      <c r="G56" s="18" t="s">
        <v>110</v>
      </c>
      <c r="H56" s="17"/>
      <c r="I56" s="13">
        <v>1025</v>
      </c>
      <c r="J56" s="19">
        <v>305</v>
      </c>
      <c r="K56" s="19">
        <v>720</v>
      </c>
    </row>
    <row r="57" spans="1:11" ht="15" customHeight="1">
      <c r="A57" s="17" t="s">
        <v>111</v>
      </c>
      <c r="B57" s="17"/>
      <c r="C57" s="13">
        <v>4088</v>
      </c>
      <c r="D57" s="19">
        <v>2077</v>
      </c>
      <c r="E57" s="19">
        <v>2011</v>
      </c>
      <c r="F57" s="19"/>
      <c r="G57" s="18" t="s">
        <v>112</v>
      </c>
      <c r="H57" s="17"/>
      <c r="I57" s="13">
        <v>873</v>
      </c>
      <c r="J57" s="19">
        <v>200</v>
      </c>
      <c r="K57" s="19">
        <v>673</v>
      </c>
    </row>
    <row r="58" spans="1:11" ht="15" customHeight="1">
      <c r="A58" s="17" t="s">
        <v>113</v>
      </c>
      <c r="B58" s="17"/>
      <c r="C58" s="13">
        <v>4258</v>
      </c>
      <c r="D58" s="19">
        <v>2195</v>
      </c>
      <c r="E58" s="19">
        <v>2063</v>
      </c>
      <c r="F58" s="19"/>
      <c r="G58" s="18" t="s">
        <v>114</v>
      </c>
      <c r="H58" s="17"/>
      <c r="I58" s="13">
        <v>704</v>
      </c>
      <c r="J58" s="19">
        <v>186</v>
      </c>
      <c r="K58" s="19">
        <v>518</v>
      </c>
    </row>
    <row r="59" spans="1:11" ht="20.100000000000001" customHeight="1">
      <c r="A59" s="17" t="s">
        <v>115</v>
      </c>
      <c r="B59" s="17"/>
      <c r="C59" s="13">
        <v>24842</v>
      </c>
      <c r="D59" s="14">
        <v>12564</v>
      </c>
      <c r="E59" s="14">
        <v>12278</v>
      </c>
      <c r="F59" s="14"/>
      <c r="G59" s="18" t="s">
        <v>116</v>
      </c>
      <c r="H59" s="17"/>
      <c r="I59" s="13">
        <v>1501</v>
      </c>
      <c r="J59" s="14">
        <v>306</v>
      </c>
      <c r="K59" s="14">
        <v>1195</v>
      </c>
    </row>
    <row r="60" spans="1:11" ht="15" customHeight="1">
      <c r="A60" s="17" t="s">
        <v>117</v>
      </c>
      <c r="B60" s="17"/>
      <c r="C60" s="13">
        <v>4357</v>
      </c>
      <c r="D60" s="19">
        <v>2145</v>
      </c>
      <c r="E60" s="19">
        <v>2212</v>
      </c>
      <c r="F60" s="19"/>
      <c r="G60" s="18" t="s">
        <v>118</v>
      </c>
      <c r="H60" s="17"/>
      <c r="I60" s="13">
        <v>504</v>
      </c>
      <c r="J60" s="19">
        <v>110</v>
      </c>
      <c r="K60" s="19">
        <v>394</v>
      </c>
    </row>
    <row r="61" spans="1:11" ht="15" customHeight="1">
      <c r="A61" s="17" t="s">
        <v>119</v>
      </c>
      <c r="B61" s="17"/>
      <c r="C61" s="13">
        <v>4737</v>
      </c>
      <c r="D61" s="19">
        <v>2423</v>
      </c>
      <c r="E61" s="19">
        <v>2314</v>
      </c>
      <c r="F61" s="19"/>
      <c r="G61" s="18" t="s">
        <v>120</v>
      </c>
      <c r="H61" s="17"/>
      <c r="I61" s="13">
        <v>401</v>
      </c>
      <c r="J61" s="19">
        <v>81</v>
      </c>
      <c r="K61" s="19">
        <v>320</v>
      </c>
    </row>
    <row r="62" spans="1:11" ht="15" customHeight="1">
      <c r="A62" s="17" t="s">
        <v>121</v>
      </c>
      <c r="B62" s="17"/>
      <c r="C62" s="13">
        <v>5073</v>
      </c>
      <c r="D62" s="19">
        <v>2598</v>
      </c>
      <c r="E62" s="19">
        <v>2475</v>
      </c>
      <c r="F62" s="19"/>
      <c r="G62" s="18" t="s">
        <v>122</v>
      </c>
      <c r="H62" s="17"/>
      <c r="I62" s="13">
        <v>275</v>
      </c>
      <c r="J62" s="19">
        <v>50</v>
      </c>
      <c r="K62" s="19">
        <v>225</v>
      </c>
    </row>
    <row r="63" spans="1:11" ht="15" customHeight="1">
      <c r="A63" s="17" t="s">
        <v>123</v>
      </c>
      <c r="B63" s="17"/>
      <c r="C63" s="13">
        <v>5411</v>
      </c>
      <c r="D63" s="19">
        <v>2732</v>
      </c>
      <c r="E63" s="19">
        <v>2679</v>
      </c>
      <c r="F63" s="19"/>
      <c r="G63" s="18" t="s">
        <v>124</v>
      </c>
      <c r="H63" s="17"/>
      <c r="I63" s="13">
        <v>195</v>
      </c>
      <c r="J63" s="19">
        <v>38</v>
      </c>
      <c r="K63" s="19">
        <v>157</v>
      </c>
    </row>
    <row r="64" spans="1:11" ht="15" customHeight="1">
      <c r="A64" s="17" t="s">
        <v>125</v>
      </c>
      <c r="B64" s="17"/>
      <c r="C64" s="13">
        <v>5264</v>
      </c>
      <c r="D64" s="19">
        <v>2666</v>
      </c>
      <c r="E64" s="19">
        <v>2598</v>
      </c>
      <c r="F64" s="19"/>
      <c r="G64" s="18" t="s">
        <v>126</v>
      </c>
      <c r="H64" s="17"/>
      <c r="I64" s="13">
        <v>126</v>
      </c>
      <c r="J64" s="19">
        <v>27</v>
      </c>
      <c r="K64" s="19">
        <v>99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259</v>
      </c>
      <c r="J65" s="19">
        <v>28</v>
      </c>
      <c r="K65" s="19">
        <v>231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5063</v>
      </c>
      <c r="J66" s="27">
        <v>2334</v>
      </c>
      <c r="K66" s="27">
        <v>2729</v>
      </c>
    </row>
    <row r="68" spans="1:11">
      <c r="F68" s="28"/>
    </row>
    <row r="75" spans="1:11">
      <c r="F75" s="29"/>
    </row>
    <row r="76" spans="1:11">
      <c r="F76" s="22"/>
    </row>
    <row r="77" spans="1:11">
      <c r="F77" s="22"/>
    </row>
    <row r="78" spans="1:11">
      <c r="F78" s="22"/>
    </row>
    <row r="79" spans="1:11">
      <c r="F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38" t="s">
        <v>168</v>
      </c>
      <c r="B2" s="38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88025</v>
      </c>
      <c r="D4" s="14">
        <v>90838</v>
      </c>
      <c r="E4" s="14">
        <v>97187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713</v>
      </c>
      <c r="D5" s="14">
        <v>2945</v>
      </c>
      <c r="E5" s="14">
        <v>2768</v>
      </c>
      <c r="F5" s="14"/>
      <c r="G5" s="18" t="s">
        <v>8</v>
      </c>
      <c r="H5" s="17"/>
      <c r="I5" s="13">
        <v>14774</v>
      </c>
      <c r="J5" s="14">
        <v>7539</v>
      </c>
      <c r="K5" s="14">
        <v>7235</v>
      </c>
    </row>
    <row r="6" spans="1:11" ht="15" customHeight="1">
      <c r="A6" s="17" t="s">
        <v>9</v>
      </c>
      <c r="B6" s="17"/>
      <c r="C6" s="13">
        <v>1076</v>
      </c>
      <c r="D6" s="19">
        <v>565</v>
      </c>
      <c r="E6" s="19">
        <v>511</v>
      </c>
      <c r="F6" s="19"/>
      <c r="G6" s="18" t="s">
        <v>10</v>
      </c>
      <c r="H6" s="17"/>
      <c r="I6" s="13">
        <v>2968</v>
      </c>
      <c r="J6" s="19">
        <v>1540</v>
      </c>
      <c r="K6" s="19">
        <v>1428</v>
      </c>
    </row>
    <row r="7" spans="1:11" ht="15" customHeight="1">
      <c r="A7" s="17" t="s">
        <v>11</v>
      </c>
      <c r="B7" s="17"/>
      <c r="C7" s="13">
        <v>1090</v>
      </c>
      <c r="D7" s="19">
        <v>555</v>
      </c>
      <c r="E7" s="19">
        <v>535</v>
      </c>
      <c r="F7" s="19"/>
      <c r="G7" s="18" t="s">
        <v>12</v>
      </c>
      <c r="H7" s="17"/>
      <c r="I7" s="13">
        <v>2965</v>
      </c>
      <c r="J7" s="19">
        <v>1503</v>
      </c>
      <c r="K7" s="19">
        <v>1462</v>
      </c>
    </row>
    <row r="8" spans="1:11" ht="15" customHeight="1">
      <c r="A8" s="17" t="s">
        <v>13</v>
      </c>
      <c r="B8" s="17"/>
      <c r="C8" s="13">
        <v>1160</v>
      </c>
      <c r="D8" s="19">
        <v>614</v>
      </c>
      <c r="E8" s="19">
        <v>546</v>
      </c>
      <c r="F8" s="19"/>
      <c r="G8" s="18" t="s">
        <v>14</v>
      </c>
      <c r="H8" s="17"/>
      <c r="I8" s="13">
        <v>2947</v>
      </c>
      <c r="J8" s="19">
        <v>1471</v>
      </c>
      <c r="K8" s="19">
        <v>1476</v>
      </c>
    </row>
    <row r="9" spans="1:11" ht="15" customHeight="1">
      <c r="A9" s="17" t="s">
        <v>15</v>
      </c>
      <c r="B9" s="17"/>
      <c r="C9" s="13">
        <v>1174</v>
      </c>
      <c r="D9" s="19">
        <v>602</v>
      </c>
      <c r="E9" s="19">
        <v>572</v>
      </c>
      <c r="F9" s="19"/>
      <c r="G9" s="18" t="s">
        <v>16</v>
      </c>
      <c r="H9" s="17"/>
      <c r="I9" s="13">
        <v>2856</v>
      </c>
      <c r="J9" s="19">
        <v>1499</v>
      </c>
      <c r="K9" s="19">
        <v>1357</v>
      </c>
    </row>
    <row r="10" spans="1:11" ht="15" customHeight="1">
      <c r="A10" s="17" t="s">
        <v>17</v>
      </c>
      <c r="B10" s="17"/>
      <c r="C10" s="13">
        <v>1213</v>
      </c>
      <c r="D10" s="19">
        <v>609</v>
      </c>
      <c r="E10" s="19">
        <v>604</v>
      </c>
      <c r="F10" s="19"/>
      <c r="G10" s="18" t="s">
        <v>18</v>
      </c>
      <c r="H10" s="17"/>
      <c r="I10" s="13">
        <v>3038</v>
      </c>
      <c r="J10" s="19">
        <v>1526</v>
      </c>
      <c r="K10" s="19">
        <v>1512</v>
      </c>
    </row>
    <row r="11" spans="1:11" ht="20.100000000000001" customHeight="1">
      <c r="A11" s="17" t="s">
        <v>19</v>
      </c>
      <c r="B11" s="17"/>
      <c r="C11" s="13">
        <v>6792</v>
      </c>
      <c r="D11" s="14">
        <v>3508</v>
      </c>
      <c r="E11" s="14">
        <v>3284</v>
      </c>
      <c r="F11" s="14"/>
      <c r="G11" s="18" t="s">
        <v>20</v>
      </c>
      <c r="H11" s="17"/>
      <c r="I11" s="13">
        <v>12558</v>
      </c>
      <c r="J11" s="14">
        <v>6407</v>
      </c>
      <c r="K11" s="14">
        <v>6151</v>
      </c>
    </row>
    <row r="12" spans="1:11" ht="15" customHeight="1">
      <c r="A12" s="17" t="s">
        <v>21</v>
      </c>
      <c r="B12" s="17"/>
      <c r="C12" s="13">
        <v>1251</v>
      </c>
      <c r="D12" s="19">
        <v>633</v>
      </c>
      <c r="E12" s="19">
        <v>618</v>
      </c>
      <c r="F12" s="19"/>
      <c r="G12" s="18" t="s">
        <v>22</v>
      </c>
      <c r="H12" s="17"/>
      <c r="I12" s="13">
        <v>2158</v>
      </c>
      <c r="J12" s="19">
        <v>1139</v>
      </c>
      <c r="K12" s="19">
        <v>1019</v>
      </c>
    </row>
    <row r="13" spans="1:11" ht="15" customHeight="1">
      <c r="A13" s="17" t="s">
        <v>23</v>
      </c>
      <c r="B13" s="17"/>
      <c r="C13" s="13">
        <v>1314</v>
      </c>
      <c r="D13" s="19">
        <v>661</v>
      </c>
      <c r="E13" s="19">
        <v>653</v>
      </c>
      <c r="F13" s="19"/>
      <c r="G13" s="18" t="s">
        <v>24</v>
      </c>
      <c r="H13" s="17"/>
      <c r="I13" s="13">
        <v>2893</v>
      </c>
      <c r="J13" s="19">
        <v>1480</v>
      </c>
      <c r="K13" s="19">
        <v>1413</v>
      </c>
    </row>
    <row r="14" spans="1:11" ht="15" customHeight="1">
      <c r="A14" s="17" t="s">
        <v>25</v>
      </c>
      <c r="B14" s="17"/>
      <c r="C14" s="13">
        <v>1353</v>
      </c>
      <c r="D14" s="19">
        <v>722</v>
      </c>
      <c r="E14" s="19">
        <v>631</v>
      </c>
      <c r="F14" s="19"/>
      <c r="G14" s="18" t="s">
        <v>26</v>
      </c>
      <c r="H14" s="17"/>
      <c r="I14" s="13">
        <v>2608</v>
      </c>
      <c r="J14" s="19">
        <v>1321</v>
      </c>
      <c r="K14" s="19">
        <v>1287</v>
      </c>
    </row>
    <row r="15" spans="1:11" ht="15" customHeight="1">
      <c r="A15" s="17" t="s">
        <v>27</v>
      </c>
      <c r="B15" s="17"/>
      <c r="C15" s="13">
        <v>1381</v>
      </c>
      <c r="D15" s="19">
        <v>733</v>
      </c>
      <c r="E15" s="19">
        <v>648</v>
      </c>
      <c r="F15" s="19"/>
      <c r="G15" s="18" t="s">
        <v>28</v>
      </c>
      <c r="H15" s="17"/>
      <c r="I15" s="13">
        <v>2561</v>
      </c>
      <c r="J15" s="19">
        <v>1291</v>
      </c>
      <c r="K15" s="19">
        <v>1270</v>
      </c>
    </row>
    <row r="16" spans="1:11" ht="15" customHeight="1">
      <c r="A16" s="17" t="s">
        <v>29</v>
      </c>
      <c r="B16" s="17"/>
      <c r="C16" s="13">
        <v>1493</v>
      </c>
      <c r="D16" s="19">
        <v>759</v>
      </c>
      <c r="E16" s="19">
        <v>734</v>
      </c>
      <c r="F16" s="19"/>
      <c r="G16" s="18" t="s">
        <v>30</v>
      </c>
      <c r="H16" s="17"/>
      <c r="I16" s="13">
        <v>2338</v>
      </c>
      <c r="J16" s="19">
        <v>1176</v>
      </c>
      <c r="K16" s="19">
        <v>1162</v>
      </c>
    </row>
    <row r="17" spans="1:11" ht="20.100000000000001" customHeight="1">
      <c r="A17" s="20" t="s">
        <v>31</v>
      </c>
      <c r="B17" s="20"/>
      <c r="C17" s="13">
        <v>7609</v>
      </c>
      <c r="D17" s="14">
        <v>3951</v>
      </c>
      <c r="E17" s="14">
        <v>3658</v>
      </c>
      <c r="F17" s="14"/>
      <c r="G17" s="18" t="s">
        <v>32</v>
      </c>
      <c r="H17" s="17"/>
      <c r="I17" s="13">
        <v>11564</v>
      </c>
      <c r="J17" s="14">
        <v>5762</v>
      </c>
      <c r="K17" s="14">
        <v>5802</v>
      </c>
    </row>
    <row r="18" spans="1:11" ht="15" customHeight="1">
      <c r="A18" s="17" t="s">
        <v>33</v>
      </c>
      <c r="B18" s="17"/>
      <c r="C18" s="13">
        <v>1444</v>
      </c>
      <c r="D18" s="19">
        <v>765</v>
      </c>
      <c r="E18" s="19">
        <v>679</v>
      </c>
      <c r="F18" s="19"/>
      <c r="G18" s="18" t="s">
        <v>34</v>
      </c>
      <c r="H18" s="17"/>
      <c r="I18" s="13">
        <v>2319</v>
      </c>
      <c r="J18" s="19">
        <v>1149</v>
      </c>
      <c r="K18" s="19">
        <v>1170</v>
      </c>
    </row>
    <row r="19" spans="1:11" ht="15" customHeight="1">
      <c r="A19" s="17" t="s">
        <v>35</v>
      </c>
      <c r="B19" s="17"/>
      <c r="C19" s="13">
        <v>1498</v>
      </c>
      <c r="D19" s="19">
        <v>776</v>
      </c>
      <c r="E19" s="19">
        <v>722</v>
      </c>
      <c r="F19" s="19"/>
      <c r="G19" s="18" t="s">
        <v>36</v>
      </c>
      <c r="H19" s="17"/>
      <c r="I19" s="13">
        <v>2340</v>
      </c>
      <c r="J19" s="19">
        <v>1175</v>
      </c>
      <c r="K19" s="19">
        <v>1165</v>
      </c>
    </row>
    <row r="20" spans="1:11" ht="15" customHeight="1">
      <c r="A20" s="17" t="s">
        <v>37</v>
      </c>
      <c r="B20" s="17"/>
      <c r="C20" s="13">
        <v>1546</v>
      </c>
      <c r="D20" s="19">
        <v>808</v>
      </c>
      <c r="E20" s="19">
        <v>738</v>
      </c>
      <c r="F20" s="19"/>
      <c r="G20" s="18" t="s">
        <v>38</v>
      </c>
      <c r="H20" s="17"/>
      <c r="I20" s="13">
        <v>2359</v>
      </c>
      <c r="J20" s="19">
        <v>1188</v>
      </c>
      <c r="K20" s="19">
        <v>1171</v>
      </c>
    </row>
    <row r="21" spans="1:11" ht="15" customHeight="1">
      <c r="A21" s="17" t="s">
        <v>39</v>
      </c>
      <c r="B21" s="17"/>
      <c r="C21" s="13">
        <v>1560</v>
      </c>
      <c r="D21" s="19">
        <v>817</v>
      </c>
      <c r="E21" s="19">
        <v>743</v>
      </c>
      <c r="F21" s="19"/>
      <c r="G21" s="18" t="s">
        <v>40</v>
      </c>
      <c r="H21" s="17"/>
      <c r="I21" s="13">
        <v>2328</v>
      </c>
      <c r="J21" s="19">
        <v>1161</v>
      </c>
      <c r="K21" s="19">
        <v>1167</v>
      </c>
    </row>
    <row r="22" spans="1:11" ht="15" customHeight="1">
      <c r="A22" s="17" t="s">
        <v>41</v>
      </c>
      <c r="B22" s="17"/>
      <c r="C22" s="13">
        <v>1561</v>
      </c>
      <c r="D22" s="19">
        <v>785</v>
      </c>
      <c r="E22" s="19">
        <v>776</v>
      </c>
      <c r="F22" s="19"/>
      <c r="G22" s="18" t="s">
        <v>42</v>
      </c>
      <c r="H22" s="17"/>
      <c r="I22" s="13">
        <v>2218</v>
      </c>
      <c r="J22" s="19">
        <v>1089</v>
      </c>
      <c r="K22" s="19">
        <v>1129</v>
      </c>
    </row>
    <row r="23" spans="1:11" ht="20.100000000000001" customHeight="1">
      <c r="A23" s="17" t="s">
        <v>43</v>
      </c>
      <c r="B23" s="17"/>
      <c r="C23" s="13">
        <v>8189</v>
      </c>
      <c r="D23" s="14">
        <v>4101</v>
      </c>
      <c r="E23" s="14">
        <v>4088</v>
      </c>
      <c r="F23" s="14"/>
      <c r="G23" s="18" t="s">
        <v>44</v>
      </c>
      <c r="H23" s="17"/>
      <c r="I23" s="13">
        <v>11663</v>
      </c>
      <c r="J23" s="14">
        <v>5696</v>
      </c>
      <c r="K23" s="14">
        <v>5967</v>
      </c>
    </row>
    <row r="24" spans="1:11" ht="15" customHeight="1">
      <c r="A24" s="17" t="s">
        <v>45</v>
      </c>
      <c r="B24" s="17"/>
      <c r="C24" s="13">
        <v>1552</v>
      </c>
      <c r="D24" s="19">
        <v>784</v>
      </c>
      <c r="E24" s="19">
        <v>768</v>
      </c>
      <c r="F24" s="19"/>
      <c r="G24" s="18" t="s">
        <v>46</v>
      </c>
      <c r="H24" s="17"/>
      <c r="I24" s="13">
        <v>2166</v>
      </c>
      <c r="J24" s="19">
        <v>1068</v>
      </c>
      <c r="K24" s="19">
        <v>1098</v>
      </c>
    </row>
    <row r="25" spans="1:11" ht="15" customHeight="1">
      <c r="A25" s="17" t="s">
        <v>47</v>
      </c>
      <c r="B25" s="17"/>
      <c r="C25" s="13">
        <v>1522</v>
      </c>
      <c r="D25" s="19">
        <v>750</v>
      </c>
      <c r="E25" s="19">
        <v>772</v>
      </c>
      <c r="F25" s="19"/>
      <c r="G25" s="18" t="s">
        <v>48</v>
      </c>
      <c r="H25" s="17"/>
      <c r="I25" s="13">
        <v>2265</v>
      </c>
      <c r="J25" s="19">
        <v>1076</v>
      </c>
      <c r="K25" s="19">
        <v>1189</v>
      </c>
    </row>
    <row r="26" spans="1:11" ht="15" customHeight="1">
      <c r="A26" s="17" t="s">
        <v>49</v>
      </c>
      <c r="B26" s="17"/>
      <c r="C26" s="13">
        <v>1596</v>
      </c>
      <c r="D26" s="19">
        <v>824</v>
      </c>
      <c r="E26" s="19">
        <v>772</v>
      </c>
      <c r="F26" s="19"/>
      <c r="G26" s="18" t="s">
        <v>50</v>
      </c>
      <c r="H26" s="17"/>
      <c r="I26" s="13">
        <v>2274</v>
      </c>
      <c r="J26" s="19">
        <v>1081</v>
      </c>
      <c r="K26" s="19">
        <v>1193</v>
      </c>
    </row>
    <row r="27" spans="1:11" ht="15" customHeight="1">
      <c r="A27" s="17" t="s">
        <v>51</v>
      </c>
      <c r="B27" s="17"/>
      <c r="C27" s="13">
        <v>1745</v>
      </c>
      <c r="D27" s="19">
        <v>872</v>
      </c>
      <c r="E27" s="19">
        <v>873</v>
      </c>
      <c r="F27" s="19"/>
      <c r="G27" s="18" t="s">
        <v>52</v>
      </c>
      <c r="H27" s="17"/>
      <c r="I27" s="13">
        <v>2360</v>
      </c>
      <c r="J27" s="19">
        <v>1165</v>
      </c>
      <c r="K27" s="19">
        <v>1195</v>
      </c>
    </row>
    <row r="28" spans="1:11" ht="15" customHeight="1">
      <c r="A28" s="17" t="s">
        <v>53</v>
      </c>
      <c r="B28" s="17"/>
      <c r="C28" s="13">
        <v>1774</v>
      </c>
      <c r="D28" s="19">
        <v>871</v>
      </c>
      <c r="E28" s="19">
        <v>903</v>
      </c>
      <c r="F28" s="19"/>
      <c r="G28" s="18" t="s">
        <v>54</v>
      </c>
      <c r="H28" s="17"/>
      <c r="I28" s="13">
        <v>2598</v>
      </c>
      <c r="J28" s="19">
        <v>1306</v>
      </c>
      <c r="K28" s="19">
        <v>1292</v>
      </c>
    </row>
    <row r="29" spans="1:11" ht="20.100000000000001" customHeight="1">
      <c r="A29" s="17" t="s">
        <v>55</v>
      </c>
      <c r="B29" s="17"/>
      <c r="C29" s="13">
        <v>8531</v>
      </c>
      <c r="D29" s="14">
        <v>4117</v>
      </c>
      <c r="E29" s="14">
        <v>4414</v>
      </c>
      <c r="F29" s="14"/>
      <c r="G29" s="18" t="s">
        <v>56</v>
      </c>
      <c r="H29" s="17"/>
      <c r="I29" s="13">
        <v>15345</v>
      </c>
      <c r="J29" s="14">
        <v>7296</v>
      </c>
      <c r="K29" s="14">
        <v>8049</v>
      </c>
    </row>
    <row r="30" spans="1:11" ht="15" customHeight="1">
      <c r="A30" s="17" t="s">
        <v>57</v>
      </c>
      <c r="B30" s="17"/>
      <c r="C30" s="13">
        <v>1684</v>
      </c>
      <c r="D30" s="19">
        <v>848</v>
      </c>
      <c r="E30" s="19">
        <v>836</v>
      </c>
      <c r="F30" s="19"/>
      <c r="G30" s="18" t="s">
        <v>58</v>
      </c>
      <c r="H30" s="17"/>
      <c r="I30" s="13">
        <v>2794</v>
      </c>
      <c r="J30" s="19">
        <v>1301</v>
      </c>
      <c r="K30" s="19">
        <v>1493</v>
      </c>
    </row>
    <row r="31" spans="1:11" ht="15" customHeight="1">
      <c r="A31" s="17" t="s">
        <v>59</v>
      </c>
      <c r="B31" s="17"/>
      <c r="C31" s="13">
        <v>1760</v>
      </c>
      <c r="D31" s="19">
        <v>812</v>
      </c>
      <c r="E31" s="19">
        <v>948</v>
      </c>
      <c r="F31" s="19"/>
      <c r="G31" s="18" t="s">
        <v>60</v>
      </c>
      <c r="H31" s="17"/>
      <c r="I31" s="13">
        <v>2892</v>
      </c>
      <c r="J31" s="19">
        <v>1380</v>
      </c>
      <c r="K31" s="19">
        <v>1512</v>
      </c>
    </row>
    <row r="32" spans="1:11" ht="15" customHeight="1">
      <c r="A32" s="17" t="s">
        <v>61</v>
      </c>
      <c r="B32" s="17"/>
      <c r="C32" s="13">
        <v>1777</v>
      </c>
      <c r="D32" s="19">
        <v>848</v>
      </c>
      <c r="E32" s="19">
        <v>929</v>
      </c>
      <c r="F32" s="19"/>
      <c r="G32" s="18" t="s">
        <v>62</v>
      </c>
      <c r="H32" s="17"/>
      <c r="I32" s="13">
        <v>3343</v>
      </c>
      <c r="J32" s="19">
        <v>1573</v>
      </c>
      <c r="K32" s="19">
        <v>1770</v>
      </c>
    </row>
    <row r="33" spans="1:11" ht="15" customHeight="1">
      <c r="A33" s="17" t="s">
        <v>63</v>
      </c>
      <c r="B33" s="17"/>
      <c r="C33" s="13">
        <v>1697</v>
      </c>
      <c r="D33" s="19">
        <v>834</v>
      </c>
      <c r="E33" s="19">
        <v>863</v>
      </c>
      <c r="F33" s="19"/>
      <c r="G33" s="18" t="s">
        <v>64</v>
      </c>
      <c r="H33" s="17"/>
      <c r="I33" s="13">
        <v>3142</v>
      </c>
      <c r="J33" s="19">
        <v>1505</v>
      </c>
      <c r="K33" s="19">
        <v>1637</v>
      </c>
    </row>
    <row r="34" spans="1:11" ht="15" customHeight="1">
      <c r="A34" s="17" t="s">
        <v>65</v>
      </c>
      <c r="B34" s="17"/>
      <c r="C34" s="13">
        <v>1613</v>
      </c>
      <c r="D34" s="19">
        <v>775</v>
      </c>
      <c r="E34" s="19">
        <v>838</v>
      </c>
      <c r="F34" s="19"/>
      <c r="G34" s="18" t="s">
        <v>66</v>
      </c>
      <c r="H34" s="17"/>
      <c r="I34" s="13">
        <v>3174</v>
      </c>
      <c r="J34" s="19">
        <v>1537</v>
      </c>
      <c r="K34" s="19">
        <v>1637</v>
      </c>
    </row>
    <row r="35" spans="1:11" ht="20.100000000000001" customHeight="1">
      <c r="A35" s="17" t="s">
        <v>67</v>
      </c>
      <c r="B35" s="17"/>
      <c r="C35" s="13">
        <v>8179</v>
      </c>
      <c r="D35" s="14">
        <v>4093</v>
      </c>
      <c r="E35" s="14">
        <v>4086</v>
      </c>
      <c r="F35" s="14"/>
      <c r="G35" s="18" t="s">
        <v>68</v>
      </c>
      <c r="H35" s="17"/>
      <c r="I35" s="13">
        <v>11020</v>
      </c>
      <c r="J35" s="14">
        <v>4917</v>
      </c>
      <c r="K35" s="14">
        <v>6103</v>
      </c>
    </row>
    <row r="36" spans="1:11" ht="15" customHeight="1">
      <c r="A36" s="17" t="s">
        <v>69</v>
      </c>
      <c r="B36" s="17"/>
      <c r="C36" s="13">
        <v>1647</v>
      </c>
      <c r="D36" s="19">
        <v>793</v>
      </c>
      <c r="E36" s="19">
        <v>854</v>
      </c>
      <c r="F36" s="19"/>
      <c r="G36" s="18" t="s">
        <v>70</v>
      </c>
      <c r="H36" s="17"/>
      <c r="I36" s="13">
        <v>2181</v>
      </c>
      <c r="J36" s="19">
        <v>1027</v>
      </c>
      <c r="K36" s="19">
        <v>1154</v>
      </c>
    </row>
    <row r="37" spans="1:11" ht="15" customHeight="1">
      <c r="A37" s="17" t="s">
        <v>71</v>
      </c>
      <c r="B37" s="17"/>
      <c r="C37" s="13">
        <v>1636</v>
      </c>
      <c r="D37" s="19">
        <v>856</v>
      </c>
      <c r="E37" s="19">
        <v>780</v>
      </c>
      <c r="F37" s="19"/>
      <c r="G37" s="18" t="s">
        <v>72</v>
      </c>
      <c r="H37" s="17"/>
      <c r="I37" s="13">
        <v>1860</v>
      </c>
      <c r="J37" s="19">
        <v>807</v>
      </c>
      <c r="K37" s="19">
        <v>1053</v>
      </c>
    </row>
    <row r="38" spans="1:11" ht="15" customHeight="1">
      <c r="A38" s="17" t="s">
        <v>73</v>
      </c>
      <c r="B38" s="17"/>
      <c r="C38" s="13">
        <v>1621</v>
      </c>
      <c r="D38" s="19">
        <v>792</v>
      </c>
      <c r="E38" s="19">
        <v>829</v>
      </c>
      <c r="F38" s="19"/>
      <c r="G38" s="18" t="s">
        <v>74</v>
      </c>
      <c r="H38" s="17"/>
      <c r="I38" s="13">
        <v>2281</v>
      </c>
      <c r="J38" s="19">
        <v>1029</v>
      </c>
      <c r="K38" s="19">
        <v>1252</v>
      </c>
    </row>
    <row r="39" spans="1:11" ht="15" customHeight="1">
      <c r="A39" s="17" t="s">
        <v>75</v>
      </c>
      <c r="B39" s="17"/>
      <c r="C39" s="13">
        <v>1664</v>
      </c>
      <c r="D39" s="19">
        <v>842</v>
      </c>
      <c r="E39" s="19">
        <v>822</v>
      </c>
      <c r="F39" s="19"/>
      <c r="G39" s="18" t="s">
        <v>76</v>
      </c>
      <c r="H39" s="17"/>
      <c r="I39" s="13">
        <v>2430</v>
      </c>
      <c r="J39" s="19">
        <v>1100</v>
      </c>
      <c r="K39" s="19">
        <v>1330</v>
      </c>
    </row>
    <row r="40" spans="1:11" ht="15" customHeight="1">
      <c r="A40" s="17" t="s">
        <v>77</v>
      </c>
      <c r="B40" s="17"/>
      <c r="C40" s="13">
        <v>1611</v>
      </c>
      <c r="D40" s="19">
        <v>810</v>
      </c>
      <c r="E40" s="19">
        <v>801</v>
      </c>
      <c r="F40" s="19"/>
      <c r="G40" s="18" t="s">
        <v>78</v>
      </c>
      <c r="H40" s="17"/>
      <c r="I40" s="13">
        <v>2268</v>
      </c>
      <c r="J40" s="19">
        <v>954</v>
      </c>
      <c r="K40" s="19">
        <v>1314</v>
      </c>
    </row>
    <row r="41" spans="1:11" ht="20.100000000000001" customHeight="1">
      <c r="A41" s="17" t="s">
        <v>79</v>
      </c>
      <c r="B41" s="17"/>
      <c r="C41" s="13">
        <v>8599</v>
      </c>
      <c r="D41" s="14">
        <v>4414</v>
      </c>
      <c r="E41" s="14">
        <v>4185</v>
      </c>
      <c r="F41" s="14"/>
      <c r="G41" s="18" t="s">
        <v>80</v>
      </c>
      <c r="H41" s="17"/>
      <c r="I41" s="13">
        <v>9043</v>
      </c>
      <c r="J41" s="14">
        <v>3686</v>
      </c>
      <c r="K41" s="14">
        <v>5357</v>
      </c>
    </row>
    <row r="42" spans="1:11" ht="15" customHeight="1">
      <c r="A42" s="17" t="s">
        <v>81</v>
      </c>
      <c r="B42" s="17"/>
      <c r="C42" s="13">
        <v>1642</v>
      </c>
      <c r="D42" s="19">
        <v>828</v>
      </c>
      <c r="E42" s="19">
        <v>814</v>
      </c>
      <c r="F42" s="19"/>
      <c r="G42" s="18" t="s">
        <v>82</v>
      </c>
      <c r="H42" s="17"/>
      <c r="I42" s="13">
        <v>2193</v>
      </c>
      <c r="J42" s="19">
        <v>904</v>
      </c>
      <c r="K42" s="19">
        <v>1289</v>
      </c>
    </row>
    <row r="43" spans="1:11" ht="15" customHeight="1">
      <c r="A43" s="17" t="s">
        <v>83</v>
      </c>
      <c r="B43" s="17"/>
      <c r="C43" s="13">
        <v>1681</v>
      </c>
      <c r="D43" s="19">
        <v>859</v>
      </c>
      <c r="E43" s="19">
        <v>822</v>
      </c>
      <c r="F43" s="19"/>
      <c r="G43" s="18" t="s">
        <v>84</v>
      </c>
      <c r="H43" s="17"/>
      <c r="I43" s="13">
        <v>1958</v>
      </c>
      <c r="J43" s="19">
        <v>838</v>
      </c>
      <c r="K43" s="19">
        <v>1120</v>
      </c>
    </row>
    <row r="44" spans="1:11" ht="15" customHeight="1">
      <c r="A44" s="17" t="s">
        <v>85</v>
      </c>
      <c r="B44" s="17"/>
      <c r="C44" s="13">
        <v>1697</v>
      </c>
      <c r="D44" s="19">
        <v>888</v>
      </c>
      <c r="E44" s="19">
        <v>809</v>
      </c>
      <c r="F44" s="19"/>
      <c r="G44" s="18" t="s">
        <v>86</v>
      </c>
      <c r="H44" s="17"/>
      <c r="I44" s="13">
        <v>1700</v>
      </c>
      <c r="J44" s="19">
        <v>682</v>
      </c>
      <c r="K44" s="19">
        <v>1018</v>
      </c>
    </row>
    <row r="45" spans="1:11" ht="15" customHeight="1">
      <c r="A45" s="17" t="s">
        <v>87</v>
      </c>
      <c r="B45" s="17"/>
      <c r="C45" s="13">
        <v>1769</v>
      </c>
      <c r="D45" s="19">
        <v>910</v>
      </c>
      <c r="E45" s="19">
        <v>859</v>
      </c>
      <c r="F45" s="19"/>
      <c r="G45" s="18" t="s">
        <v>88</v>
      </c>
      <c r="H45" s="17"/>
      <c r="I45" s="13">
        <v>1570</v>
      </c>
      <c r="J45" s="19">
        <v>639</v>
      </c>
      <c r="K45" s="19">
        <v>931</v>
      </c>
    </row>
    <row r="46" spans="1:11" ht="15" customHeight="1">
      <c r="A46" s="17" t="s">
        <v>89</v>
      </c>
      <c r="B46" s="17"/>
      <c r="C46" s="13">
        <v>1810</v>
      </c>
      <c r="D46" s="19">
        <v>929</v>
      </c>
      <c r="E46" s="19">
        <v>881</v>
      </c>
      <c r="F46" s="19"/>
      <c r="G46" s="18" t="s">
        <v>90</v>
      </c>
      <c r="H46" s="17"/>
      <c r="I46" s="13">
        <v>1622</v>
      </c>
      <c r="J46" s="19">
        <v>623</v>
      </c>
      <c r="K46" s="19">
        <v>999</v>
      </c>
    </row>
    <row r="47" spans="1:11" ht="20.100000000000001" customHeight="1">
      <c r="A47" s="17" t="s">
        <v>91</v>
      </c>
      <c r="B47" s="17"/>
      <c r="C47" s="13">
        <v>9911</v>
      </c>
      <c r="D47" s="14">
        <v>5029</v>
      </c>
      <c r="E47" s="14">
        <v>4882</v>
      </c>
      <c r="F47" s="14"/>
      <c r="G47" s="18" t="s">
        <v>92</v>
      </c>
      <c r="H47" s="17"/>
      <c r="I47" s="13">
        <v>6033</v>
      </c>
      <c r="J47" s="14">
        <v>2209</v>
      </c>
      <c r="K47" s="14">
        <v>3824</v>
      </c>
    </row>
    <row r="48" spans="1:11" ht="15" customHeight="1">
      <c r="A48" s="17" t="s">
        <v>93</v>
      </c>
      <c r="B48" s="17"/>
      <c r="C48" s="13">
        <v>1825</v>
      </c>
      <c r="D48" s="19">
        <v>931</v>
      </c>
      <c r="E48" s="19">
        <v>894</v>
      </c>
      <c r="F48" s="19"/>
      <c r="G48" s="18" t="s">
        <v>94</v>
      </c>
      <c r="H48" s="17"/>
      <c r="I48" s="13">
        <v>1412</v>
      </c>
      <c r="J48" s="19">
        <v>543</v>
      </c>
      <c r="K48" s="19">
        <v>869</v>
      </c>
    </row>
    <row r="49" spans="1:11" ht="15" customHeight="1">
      <c r="A49" s="17" t="s">
        <v>95</v>
      </c>
      <c r="B49" s="17"/>
      <c r="C49" s="13">
        <v>1916</v>
      </c>
      <c r="D49" s="19">
        <v>1015</v>
      </c>
      <c r="E49" s="19">
        <v>901</v>
      </c>
      <c r="F49" s="19"/>
      <c r="G49" s="18" t="s">
        <v>96</v>
      </c>
      <c r="H49" s="17"/>
      <c r="I49" s="13">
        <v>1380</v>
      </c>
      <c r="J49" s="19">
        <v>531</v>
      </c>
      <c r="K49" s="19">
        <v>849</v>
      </c>
    </row>
    <row r="50" spans="1:11" ht="15" customHeight="1">
      <c r="A50" s="17" t="s">
        <v>97</v>
      </c>
      <c r="B50" s="17"/>
      <c r="C50" s="13">
        <v>2014</v>
      </c>
      <c r="D50" s="19">
        <v>1006</v>
      </c>
      <c r="E50" s="19">
        <v>1008</v>
      </c>
      <c r="F50" s="19"/>
      <c r="G50" s="18" t="s">
        <v>98</v>
      </c>
      <c r="H50" s="17"/>
      <c r="I50" s="13">
        <v>1176</v>
      </c>
      <c r="J50" s="19">
        <v>433</v>
      </c>
      <c r="K50" s="19">
        <v>743</v>
      </c>
    </row>
    <row r="51" spans="1:11" ht="15" customHeight="1">
      <c r="A51" s="17" t="s">
        <v>99</v>
      </c>
      <c r="B51" s="17"/>
      <c r="C51" s="13">
        <v>2111</v>
      </c>
      <c r="D51" s="19">
        <v>1040</v>
      </c>
      <c r="E51" s="19">
        <v>1071</v>
      </c>
      <c r="F51" s="19"/>
      <c r="G51" s="18" t="s">
        <v>100</v>
      </c>
      <c r="H51" s="17"/>
      <c r="I51" s="13">
        <v>1092</v>
      </c>
      <c r="J51" s="19">
        <v>372</v>
      </c>
      <c r="K51" s="19">
        <v>720</v>
      </c>
    </row>
    <row r="52" spans="1:11" ht="15" customHeight="1">
      <c r="A52" s="17" t="s">
        <v>101</v>
      </c>
      <c r="B52" s="17"/>
      <c r="C52" s="13">
        <v>2045</v>
      </c>
      <c r="D52" s="19">
        <v>1037</v>
      </c>
      <c r="E52" s="19">
        <v>1008</v>
      </c>
      <c r="F52" s="19"/>
      <c r="G52" s="18" t="s">
        <v>102</v>
      </c>
      <c r="H52" s="17"/>
      <c r="I52" s="13">
        <v>973</v>
      </c>
      <c r="J52" s="19">
        <v>330</v>
      </c>
      <c r="K52" s="19">
        <v>643</v>
      </c>
    </row>
    <row r="53" spans="1:11" ht="20.100000000000001" customHeight="1">
      <c r="A53" s="17" t="s">
        <v>103</v>
      </c>
      <c r="B53" s="17"/>
      <c r="C53" s="13">
        <v>11365</v>
      </c>
      <c r="D53" s="14">
        <v>5768</v>
      </c>
      <c r="E53" s="14">
        <v>5597</v>
      </c>
      <c r="F53" s="14"/>
      <c r="G53" s="18" t="s">
        <v>104</v>
      </c>
      <c r="H53" s="17"/>
      <c r="I53" s="13">
        <v>2808</v>
      </c>
      <c r="J53" s="14">
        <v>801</v>
      </c>
      <c r="K53" s="14">
        <v>2007</v>
      </c>
    </row>
    <row r="54" spans="1:11" ht="15" customHeight="1">
      <c r="A54" s="17" t="s">
        <v>105</v>
      </c>
      <c r="B54" s="17"/>
      <c r="C54" s="13">
        <v>2124</v>
      </c>
      <c r="D54" s="19">
        <v>1053</v>
      </c>
      <c r="E54" s="19">
        <v>1071</v>
      </c>
      <c r="F54" s="19"/>
      <c r="G54" s="18" t="s">
        <v>106</v>
      </c>
      <c r="H54" s="17"/>
      <c r="I54" s="13">
        <v>776</v>
      </c>
      <c r="J54" s="19">
        <v>250</v>
      </c>
      <c r="K54" s="19">
        <v>526</v>
      </c>
    </row>
    <row r="55" spans="1:11" ht="15" customHeight="1">
      <c r="A55" s="17" t="s">
        <v>107</v>
      </c>
      <c r="B55" s="17"/>
      <c r="C55" s="13">
        <v>2233</v>
      </c>
      <c r="D55" s="19">
        <v>1117</v>
      </c>
      <c r="E55" s="19">
        <v>1116</v>
      </c>
      <c r="F55" s="19"/>
      <c r="G55" s="18" t="s">
        <v>108</v>
      </c>
      <c r="H55" s="17"/>
      <c r="I55" s="13">
        <v>660</v>
      </c>
      <c r="J55" s="19">
        <v>190</v>
      </c>
      <c r="K55" s="19">
        <v>470</v>
      </c>
    </row>
    <row r="56" spans="1:11" ht="15" customHeight="1">
      <c r="A56" s="17" t="s">
        <v>109</v>
      </c>
      <c r="B56" s="17"/>
      <c r="C56" s="13">
        <v>2178</v>
      </c>
      <c r="D56" s="19">
        <v>1121</v>
      </c>
      <c r="E56" s="19">
        <v>1057</v>
      </c>
      <c r="F56" s="19"/>
      <c r="G56" s="18" t="s">
        <v>110</v>
      </c>
      <c r="H56" s="17"/>
      <c r="I56" s="13">
        <v>554</v>
      </c>
      <c r="J56" s="19">
        <v>159</v>
      </c>
      <c r="K56" s="19">
        <v>395</v>
      </c>
    </row>
    <row r="57" spans="1:11" ht="15" customHeight="1">
      <c r="A57" s="17" t="s">
        <v>111</v>
      </c>
      <c r="B57" s="17"/>
      <c r="C57" s="13">
        <v>2326</v>
      </c>
      <c r="D57" s="19">
        <v>1180</v>
      </c>
      <c r="E57" s="19">
        <v>1146</v>
      </c>
      <c r="F57" s="19"/>
      <c r="G57" s="18" t="s">
        <v>112</v>
      </c>
      <c r="H57" s="17"/>
      <c r="I57" s="13">
        <v>453</v>
      </c>
      <c r="J57" s="19">
        <v>108</v>
      </c>
      <c r="K57" s="19">
        <v>345</v>
      </c>
    </row>
    <row r="58" spans="1:11" ht="15" customHeight="1">
      <c r="A58" s="17" t="s">
        <v>113</v>
      </c>
      <c r="B58" s="17"/>
      <c r="C58" s="13">
        <v>2504</v>
      </c>
      <c r="D58" s="19">
        <v>1297</v>
      </c>
      <c r="E58" s="19">
        <v>1207</v>
      </c>
      <c r="F58" s="19"/>
      <c r="G58" s="18" t="s">
        <v>114</v>
      </c>
      <c r="H58" s="17"/>
      <c r="I58" s="13">
        <v>365</v>
      </c>
      <c r="J58" s="19">
        <v>94</v>
      </c>
      <c r="K58" s="19">
        <v>271</v>
      </c>
    </row>
    <row r="59" spans="1:11" ht="20.100000000000001" customHeight="1">
      <c r="A59" s="17" t="s">
        <v>115</v>
      </c>
      <c r="B59" s="17"/>
      <c r="C59" s="13">
        <v>14177</v>
      </c>
      <c r="D59" s="14">
        <v>7062</v>
      </c>
      <c r="E59" s="14">
        <v>7115</v>
      </c>
      <c r="F59" s="14"/>
      <c r="G59" s="18" t="s">
        <v>116</v>
      </c>
      <c r="H59" s="17"/>
      <c r="I59" s="13">
        <v>798</v>
      </c>
      <c r="J59" s="14">
        <v>176</v>
      </c>
      <c r="K59" s="14">
        <v>622</v>
      </c>
    </row>
    <row r="60" spans="1:11" ht="15" customHeight="1">
      <c r="A60" s="17" t="s">
        <v>117</v>
      </c>
      <c r="B60" s="17"/>
      <c r="C60" s="13">
        <v>2463</v>
      </c>
      <c r="D60" s="19">
        <v>1183</v>
      </c>
      <c r="E60" s="19">
        <v>1280</v>
      </c>
      <c r="F60" s="19"/>
      <c r="G60" s="18" t="s">
        <v>118</v>
      </c>
      <c r="H60" s="17"/>
      <c r="I60" s="13">
        <v>261</v>
      </c>
      <c r="J60" s="19">
        <v>68</v>
      </c>
      <c r="K60" s="19">
        <v>193</v>
      </c>
    </row>
    <row r="61" spans="1:11" ht="15" customHeight="1">
      <c r="A61" s="17" t="s">
        <v>119</v>
      </c>
      <c r="B61" s="17"/>
      <c r="C61" s="13">
        <v>2775</v>
      </c>
      <c r="D61" s="19">
        <v>1429</v>
      </c>
      <c r="E61" s="19">
        <v>1346</v>
      </c>
      <c r="F61" s="19"/>
      <c r="G61" s="18" t="s">
        <v>120</v>
      </c>
      <c r="H61" s="17"/>
      <c r="I61" s="13">
        <v>231</v>
      </c>
      <c r="J61" s="19">
        <v>46</v>
      </c>
      <c r="K61" s="19">
        <v>185</v>
      </c>
    </row>
    <row r="62" spans="1:11" ht="15" customHeight="1">
      <c r="A62" s="17" t="s">
        <v>121</v>
      </c>
      <c r="B62" s="17"/>
      <c r="C62" s="13">
        <v>2896</v>
      </c>
      <c r="D62" s="19">
        <v>1459</v>
      </c>
      <c r="E62" s="19">
        <v>1437</v>
      </c>
      <c r="F62" s="19"/>
      <c r="G62" s="18" t="s">
        <v>122</v>
      </c>
      <c r="H62" s="17"/>
      <c r="I62" s="13">
        <v>141</v>
      </c>
      <c r="J62" s="19">
        <v>30</v>
      </c>
      <c r="K62" s="19">
        <v>111</v>
      </c>
    </row>
    <row r="63" spans="1:11" ht="15" customHeight="1">
      <c r="A63" s="17" t="s">
        <v>123</v>
      </c>
      <c r="B63" s="17"/>
      <c r="C63" s="13">
        <v>2982</v>
      </c>
      <c r="D63" s="19">
        <v>1485</v>
      </c>
      <c r="E63" s="19">
        <v>1497</v>
      </c>
      <c r="F63" s="19"/>
      <c r="G63" s="18" t="s">
        <v>124</v>
      </c>
      <c r="H63" s="17"/>
      <c r="I63" s="13">
        <v>100</v>
      </c>
      <c r="J63" s="19">
        <v>17</v>
      </c>
      <c r="K63" s="19">
        <v>83</v>
      </c>
    </row>
    <row r="64" spans="1:11" ht="15" customHeight="1">
      <c r="A64" s="17" t="s">
        <v>125</v>
      </c>
      <c r="B64" s="17"/>
      <c r="C64" s="13">
        <v>3061</v>
      </c>
      <c r="D64" s="19">
        <v>1506</v>
      </c>
      <c r="E64" s="19">
        <v>1555</v>
      </c>
      <c r="F64" s="19"/>
      <c r="G64" s="18" t="s">
        <v>126</v>
      </c>
      <c r="H64" s="17"/>
      <c r="I64" s="13">
        <v>65</v>
      </c>
      <c r="J64" s="19">
        <v>15</v>
      </c>
      <c r="K64" s="19">
        <v>50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25</v>
      </c>
      <c r="J65" s="19">
        <v>11</v>
      </c>
      <c r="K65" s="19">
        <v>114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3229</v>
      </c>
      <c r="J66" s="27">
        <v>1350</v>
      </c>
      <c r="K66" s="27">
        <v>1879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38" t="s">
        <v>178</v>
      </c>
      <c r="B2" s="38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40332</v>
      </c>
      <c r="D4" s="14">
        <v>19732</v>
      </c>
      <c r="E4" s="14">
        <v>2060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044</v>
      </c>
      <c r="D5" s="14">
        <v>514</v>
      </c>
      <c r="E5" s="14">
        <v>530</v>
      </c>
      <c r="F5" s="14"/>
      <c r="G5" s="18" t="s">
        <v>8</v>
      </c>
      <c r="H5" s="17"/>
      <c r="I5" s="13">
        <v>3194</v>
      </c>
      <c r="J5" s="14">
        <v>1637</v>
      </c>
      <c r="K5" s="14">
        <v>1557</v>
      </c>
    </row>
    <row r="6" spans="1:11" ht="15" customHeight="1">
      <c r="A6" s="17" t="s">
        <v>9</v>
      </c>
      <c r="B6" s="17"/>
      <c r="C6" s="13">
        <v>168</v>
      </c>
      <c r="D6" s="19">
        <v>91</v>
      </c>
      <c r="E6" s="19">
        <v>77</v>
      </c>
      <c r="F6" s="19"/>
      <c r="G6" s="18" t="s">
        <v>10</v>
      </c>
      <c r="H6" s="17"/>
      <c r="I6" s="13">
        <v>669</v>
      </c>
      <c r="J6" s="19">
        <v>341</v>
      </c>
      <c r="K6" s="19">
        <v>328</v>
      </c>
    </row>
    <row r="7" spans="1:11" ht="15" customHeight="1">
      <c r="A7" s="17" t="s">
        <v>11</v>
      </c>
      <c r="B7" s="17"/>
      <c r="C7" s="13">
        <v>174</v>
      </c>
      <c r="D7" s="19">
        <v>84</v>
      </c>
      <c r="E7" s="19">
        <v>90</v>
      </c>
      <c r="F7" s="19"/>
      <c r="G7" s="18" t="s">
        <v>12</v>
      </c>
      <c r="H7" s="17"/>
      <c r="I7" s="13">
        <v>635</v>
      </c>
      <c r="J7" s="19">
        <v>341</v>
      </c>
      <c r="K7" s="19">
        <v>294</v>
      </c>
    </row>
    <row r="8" spans="1:11" ht="15" customHeight="1">
      <c r="A8" s="17" t="s">
        <v>13</v>
      </c>
      <c r="B8" s="17"/>
      <c r="C8" s="13">
        <v>237</v>
      </c>
      <c r="D8" s="19">
        <v>108</v>
      </c>
      <c r="E8" s="19">
        <v>129</v>
      </c>
      <c r="F8" s="19"/>
      <c r="G8" s="18" t="s">
        <v>14</v>
      </c>
      <c r="H8" s="17"/>
      <c r="I8" s="13">
        <v>642</v>
      </c>
      <c r="J8" s="19">
        <v>314</v>
      </c>
      <c r="K8" s="19">
        <v>328</v>
      </c>
    </row>
    <row r="9" spans="1:11" ht="15" customHeight="1">
      <c r="A9" s="17" t="s">
        <v>15</v>
      </c>
      <c r="B9" s="17"/>
      <c r="C9" s="13">
        <v>220</v>
      </c>
      <c r="D9" s="19">
        <v>104</v>
      </c>
      <c r="E9" s="19">
        <v>116</v>
      </c>
      <c r="F9" s="19"/>
      <c r="G9" s="18" t="s">
        <v>16</v>
      </c>
      <c r="H9" s="17"/>
      <c r="I9" s="13">
        <v>612</v>
      </c>
      <c r="J9" s="19">
        <v>323</v>
      </c>
      <c r="K9" s="19">
        <v>289</v>
      </c>
    </row>
    <row r="10" spans="1:11" ht="15" customHeight="1">
      <c r="A10" s="17" t="s">
        <v>17</v>
      </c>
      <c r="B10" s="17"/>
      <c r="C10" s="13">
        <v>245</v>
      </c>
      <c r="D10" s="19">
        <v>127</v>
      </c>
      <c r="E10" s="19">
        <v>118</v>
      </c>
      <c r="F10" s="19"/>
      <c r="G10" s="18" t="s">
        <v>18</v>
      </c>
      <c r="H10" s="17"/>
      <c r="I10" s="13">
        <v>636</v>
      </c>
      <c r="J10" s="19">
        <v>318</v>
      </c>
      <c r="K10" s="19">
        <v>318</v>
      </c>
    </row>
    <row r="11" spans="1:11" ht="20.100000000000001" customHeight="1">
      <c r="A11" s="17" t="s">
        <v>19</v>
      </c>
      <c r="B11" s="17"/>
      <c r="C11" s="13">
        <v>1491</v>
      </c>
      <c r="D11" s="14">
        <v>778</v>
      </c>
      <c r="E11" s="14">
        <v>713</v>
      </c>
      <c r="F11" s="14"/>
      <c r="G11" s="18" t="s">
        <v>20</v>
      </c>
      <c r="H11" s="17"/>
      <c r="I11" s="13">
        <v>2711</v>
      </c>
      <c r="J11" s="14">
        <v>1348</v>
      </c>
      <c r="K11" s="14">
        <v>1363</v>
      </c>
    </row>
    <row r="12" spans="1:11" ht="15" customHeight="1">
      <c r="A12" s="17" t="s">
        <v>21</v>
      </c>
      <c r="B12" s="17"/>
      <c r="C12" s="13">
        <v>255</v>
      </c>
      <c r="D12" s="19">
        <v>147</v>
      </c>
      <c r="E12" s="19">
        <v>108</v>
      </c>
      <c r="F12" s="19"/>
      <c r="G12" s="18" t="s">
        <v>22</v>
      </c>
      <c r="H12" s="17"/>
      <c r="I12" s="13">
        <v>462</v>
      </c>
      <c r="J12" s="19">
        <v>229</v>
      </c>
      <c r="K12" s="19">
        <v>233</v>
      </c>
    </row>
    <row r="13" spans="1:11" ht="15" customHeight="1">
      <c r="A13" s="17" t="s">
        <v>23</v>
      </c>
      <c r="B13" s="17"/>
      <c r="C13" s="13">
        <v>284</v>
      </c>
      <c r="D13" s="19">
        <v>151</v>
      </c>
      <c r="E13" s="19">
        <v>133</v>
      </c>
      <c r="F13" s="19"/>
      <c r="G13" s="18" t="s">
        <v>24</v>
      </c>
      <c r="H13" s="17"/>
      <c r="I13" s="13">
        <v>658</v>
      </c>
      <c r="J13" s="19">
        <v>316</v>
      </c>
      <c r="K13" s="19">
        <v>342</v>
      </c>
    </row>
    <row r="14" spans="1:11" ht="15" customHeight="1">
      <c r="A14" s="17" t="s">
        <v>25</v>
      </c>
      <c r="B14" s="17"/>
      <c r="C14" s="13">
        <v>279</v>
      </c>
      <c r="D14" s="19">
        <v>142</v>
      </c>
      <c r="E14" s="19">
        <v>137</v>
      </c>
      <c r="F14" s="19"/>
      <c r="G14" s="18" t="s">
        <v>26</v>
      </c>
      <c r="H14" s="17"/>
      <c r="I14" s="13">
        <v>564</v>
      </c>
      <c r="J14" s="19">
        <v>303</v>
      </c>
      <c r="K14" s="19">
        <v>261</v>
      </c>
    </row>
    <row r="15" spans="1:11" ht="15" customHeight="1">
      <c r="A15" s="17" t="s">
        <v>27</v>
      </c>
      <c r="B15" s="17"/>
      <c r="C15" s="13">
        <v>329</v>
      </c>
      <c r="D15" s="19">
        <v>163</v>
      </c>
      <c r="E15" s="19">
        <v>166</v>
      </c>
      <c r="F15" s="19"/>
      <c r="G15" s="18" t="s">
        <v>28</v>
      </c>
      <c r="H15" s="17"/>
      <c r="I15" s="13">
        <v>566</v>
      </c>
      <c r="J15" s="19">
        <v>274</v>
      </c>
      <c r="K15" s="19">
        <v>292</v>
      </c>
    </row>
    <row r="16" spans="1:11" ht="15" customHeight="1">
      <c r="A16" s="17" t="s">
        <v>29</v>
      </c>
      <c r="B16" s="17"/>
      <c r="C16" s="13">
        <v>344</v>
      </c>
      <c r="D16" s="19">
        <v>175</v>
      </c>
      <c r="E16" s="19">
        <v>169</v>
      </c>
      <c r="F16" s="19"/>
      <c r="G16" s="18" t="s">
        <v>30</v>
      </c>
      <c r="H16" s="17"/>
      <c r="I16" s="13">
        <v>461</v>
      </c>
      <c r="J16" s="19">
        <v>226</v>
      </c>
      <c r="K16" s="19">
        <v>235</v>
      </c>
    </row>
    <row r="17" spans="1:11" ht="20.100000000000001" customHeight="1">
      <c r="A17" s="20" t="s">
        <v>31</v>
      </c>
      <c r="B17" s="20"/>
      <c r="C17" s="13">
        <v>1750</v>
      </c>
      <c r="D17" s="14">
        <v>882</v>
      </c>
      <c r="E17" s="14">
        <v>868</v>
      </c>
      <c r="F17" s="14"/>
      <c r="G17" s="18" t="s">
        <v>32</v>
      </c>
      <c r="H17" s="17"/>
      <c r="I17" s="13">
        <v>2405</v>
      </c>
      <c r="J17" s="14">
        <v>1214</v>
      </c>
      <c r="K17" s="14">
        <v>1191</v>
      </c>
    </row>
    <row r="18" spans="1:11" ht="15" customHeight="1">
      <c r="A18" s="17" t="s">
        <v>33</v>
      </c>
      <c r="B18" s="17"/>
      <c r="C18" s="13">
        <v>341</v>
      </c>
      <c r="D18" s="19">
        <v>169</v>
      </c>
      <c r="E18" s="19">
        <v>172</v>
      </c>
      <c r="F18" s="19"/>
      <c r="G18" s="18" t="s">
        <v>34</v>
      </c>
      <c r="H18" s="17"/>
      <c r="I18" s="13">
        <v>474</v>
      </c>
      <c r="J18" s="19">
        <v>238</v>
      </c>
      <c r="K18" s="19">
        <v>236</v>
      </c>
    </row>
    <row r="19" spans="1:11" ht="15" customHeight="1">
      <c r="A19" s="17" t="s">
        <v>35</v>
      </c>
      <c r="B19" s="17"/>
      <c r="C19" s="13">
        <v>340</v>
      </c>
      <c r="D19" s="19">
        <v>171</v>
      </c>
      <c r="E19" s="19">
        <v>169</v>
      </c>
      <c r="F19" s="19"/>
      <c r="G19" s="18" t="s">
        <v>36</v>
      </c>
      <c r="H19" s="17"/>
      <c r="I19" s="13">
        <v>509</v>
      </c>
      <c r="J19" s="19">
        <v>255</v>
      </c>
      <c r="K19" s="19">
        <v>254</v>
      </c>
    </row>
    <row r="20" spans="1:11" ht="15" customHeight="1">
      <c r="A20" s="17" t="s">
        <v>37</v>
      </c>
      <c r="B20" s="17"/>
      <c r="C20" s="13">
        <v>321</v>
      </c>
      <c r="D20" s="19">
        <v>176</v>
      </c>
      <c r="E20" s="19">
        <v>145</v>
      </c>
      <c r="F20" s="19"/>
      <c r="G20" s="18" t="s">
        <v>38</v>
      </c>
      <c r="H20" s="17"/>
      <c r="I20" s="13">
        <v>473</v>
      </c>
      <c r="J20" s="19">
        <v>243</v>
      </c>
      <c r="K20" s="19">
        <v>230</v>
      </c>
    </row>
    <row r="21" spans="1:11" ht="15" customHeight="1">
      <c r="A21" s="17" t="s">
        <v>39</v>
      </c>
      <c r="B21" s="17"/>
      <c r="C21" s="13">
        <v>377</v>
      </c>
      <c r="D21" s="19">
        <v>190</v>
      </c>
      <c r="E21" s="19">
        <v>187</v>
      </c>
      <c r="F21" s="19"/>
      <c r="G21" s="18" t="s">
        <v>40</v>
      </c>
      <c r="H21" s="17"/>
      <c r="I21" s="13">
        <v>506</v>
      </c>
      <c r="J21" s="19">
        <v>259</v>
      </c>
      <c r="K21" s="19">
        <v>247</v>
      </c>
    </row>
    <row r="22" spans="1:11" ht="15" customHeight="1">
      <c r="A22" s="17" t="s">
        <v>41</v>
      </c>
      <c r="B22" s="17"/>
      <c r="C22" s="13">
        <v>371</v>
      </c>
      <c r="D22" s="19">
        <v>176</v>
      </c>
      <c r="E22" s="19">
        <v>195</v>
      </c>
      <c r="F22" s="19"/>
      <c r="G22" s="18" t="s">
        <v>42</v>
      </c>
      <c r="H22" s="17"/>
      <c r="I22" s="13">
        <v>443</v>
      </c>
      <c r="J22" s="19">
        <v>219</v>
      </c>
      <c r="K22" s="19">
        <v>224</v>
      </c>
    </row>
    <row r="23" spans="1:11" ht="20.100000000000001" customHeight="1">
      <c r="A23" s="17" t="s">
        <v>43</v>
      </c>
      <c r="B23" s="17"/>
      <c r="C23" s="13">
        <v>1846</v>
      </c>
      <c r="D23" s="14">
        <v>974</v>
      </c>
      <c r="E23" s="14">
        <v>872</v>
      </c>
      <c r="F23" s="14"/>
      <c r="G23" s="18" t="s">
        <v>44</v>
      </c>
      <c r="H23" s="17"/>
      <c r="I23" s="13">
        <v>2679</v>
      </c>
      <c r="J23" s="14">
        <v>1307</v>
      </c>
      <c r="K23" s="14">
        <v>1372</v>
      </c>
    </row>
    <row r="24" spans="1:11" ht="15" customHeight="1">
      <c r="A24" s="17" t="s">
        <v>45</v>
      </c>
      <c r="B24" s="17"/>
      <c r="C24" s="13">
        <v>364</v>
      </c>
      <c r="D24" s="19">
        <v>190</v>
      </c>
      <c r="E24" s="19">
        <v>174</v>
      </c>
      <c r="F24" s="19"/>
      <c r="G24" s="18" t="s">
        <v>46</v>
      </c>
      <c r="H24" s="17"/>
      <c r="I24" s="13">
        <v>490</v>
      </c>
      <c r="J24" s="19">
        <v>250</v>
      </c>
      <c r="K24" s="19">
        <v>240</v>
      </c>
    </row>
    <row r="25" spans="1:11" ht="15" customHeight="1">
      <c r="A25" s="17" t="s">
        <v>47</v>
      </c>
      <c r="B25" s="17"/>
      <c r="C25" s="13">
        <v>360</v>
      </c>
      <c r="D25" s="19">
        <v>190</v>
      </c>
      <c r="E25" s="19">
        <v>170</v>
      </c>
      <c r="F25" s="19"/>
      <c r="G25" s="18" t="s">
        <v>48</v>
      </c>
      <c r="H25" s="17"/>
      <c r="I25" s="13">
        <v>515</v>
      </c>
      <c r="J25" s="19">
        <v>250</v>
      </c>
      <c r="K25" s="19">
        <v>265</v>
      </c>
    </row>
    <row r="26" spans="1:11" ht="15" customHeight="1">
      <c r="A26" s="17" t="s">
        <v>49</v>
      </c>
      <c r="B26" s="17"/>
      <c r="C26" s="13">
        <v>375</v>
      </c>
      <c r="D26" s="19">
        <v>201</v>
      </c>
      <c r="E26" s="19">
        <v>174</v>
      </c>
      <c r="F26" s="19"/>
      <c r="G26" s="18" t="s">
        <v>50</v>
      </c>
      <c r="H26" s="17"/>
      <c r="I26" s="13">
        <v>502</v>
      </c>
      <c r="J26" s="19">
        <v>240</v>
      </c>
      <c r="K26" s="19">
        <v>262</v>
      </c>
    </row>
    <row r="27" spans="1:11" ht="15" customHeight="1">
      <c r="A27" s="17" t="s">
        <v>51</v>
      </c>
      <c r="B27" s="17"/>
      <c r="C27" s="13">
        <v>377</v>
      </c>
      <c r="D27" s="19">
        <v>202</v>
      </c>
      <c r="E27" s="19">
        <v>175</v>
      </c>
      <c r="F27" s="19"/>
      <c r="G27" s="18" t="s">
        <v>52</v>
      </c>
      <c r="H27" s="17"/>
      <c r="I27" s="13">
        <v>537</v>
      </c>
      <c r="J27" s="19">
        <v>252</v>
      </c>
      <c r="K27" s="19">
        <v>285</v>
      </c>
    </row>
    <row r="28" spans="1:11" ht="15" customHeight="1">
      <c r="A28" s="17" t="s">
        <v>53</v>
      </c>
      <c r="B28" s="17"/>
      <c r="C28" s="13">
        <v>370</v>
      </c>
      <c r="D28" s="19">
        <v>191</v>
      </c>
      <c r="E28" s="19">
        <v>179</v>
      </c>
      <c r="F28" s="19"/>
      <c r="G28" s="18" t="s">
        <v>54</v>
      </c>
      <c r="H28" s="17"/>
      <c r="I28" s="13">
        <v>635</v>
      </c>
      <c r="J28" s="19">
        <v>315</v>
      </c>
      <c r="K28" s="19">
        <v>320</v>
      </c>
    </row>
    <row r="29" spans="1:11" ht="20.100000000000001" customHeight="1">
      <c r="A29" s="17" t="s">
        <v>55</v>
      </c>
      <c r="B29" s="17"/>
      <c r="C29" s="13">
        <v>1688</v>
      </c>
      <c r="D29" s="14">
        <v>882</v>
      </c>
      <c r="E29" s="14">
        <v>806</v>
      </c>
      <c r="F29" s="14"/>
      <c r="G29" s="18" t="s">
        <v>56</v>
      </c>
      <c r="H29" s="17"/>
      <c r="I29" s="13">
        <v>3541</v>
      </c>
      <c r="J29" s="14">
        <v>1632</v>
      </c>
      <c r="K29" s="14">
        <v>1909</v>
      </c>
    </row>
    <row r="30" spans="1:11" ht="15" customHeight="1">
      <c r="A30" s="17" t="s">
        <v>57</v>
      </c>
      <c r="B30" s="17"/>
      <c r="C30" s="13">
        <v>368</v>
      </c>
      <c r="D30" s="19">
        <v>198</v>
      </c>
      <c r="E30" s="19">
        <v>170</v>
      </c>
      <c r="F30" s="19"/>
      <c r="G30" s="18" t="s">
        <v>58</v>
      </c>
      <c r="H30" s="17"/>
      <c r="I30" s="13">
        <v>676</v>
      </c>
      <c r="J30" s="19">
        <v>314</v>
      </c>
      <c r="K30" s="19">
        <v>362</v>
      </c>
    </row>
    <row r="31" spans="1:11" ht="15" customHeight="1">
      <c r="A31" s="17" t="s">
        <v>59</v>
      </c>
      <c r="B31" s="17"/>
      <c r="C31" s="13">
        <v>386</v>
      </c>
      <c r="D31" s="19">
        <v>197</v>
      </c>
      <c r="E31" s="19">
        <v>189</v>
      </c>
      <c r="F31" s="19"/>
      <c r="G31" s="18" t="s">
        <v>60</v>
      </c>
      <c r="H31" s="17"/>
      <c r="I31" s="13">
        <v>650</v>
      </c>
      <c r="J31" s="19">
        <v>302</v>
      </c>
      <c r="K31" s="19">
        <v>348</v>
      </c>
    </row>
    <row r="32" spans="1:11" ht="15" customHeight="1">
      <c r="A32" s="17" t="s">
        <v>61</v>
      </c>
      <c r="B32" s="17"/>
      <c r="C32" s="13">
        <v>326</v>
      </c>
      <c r="D32" s="19">
        <v>167</v>
      </c>
      <c r="E32" s="19">
        <v>159</v>
      </c>
      <c r="F32" s="19"/>
      <c r="G32" s="18" t="s">
        <v>62</v>
      </c>
      <c r="H32" s="17"/>
      <c r="I32" s="13">
        <v>735</v>
      </c>
      <c r="J32" s="19">
        <v>342</v>
      </c>
      <c r="K32" s="19">
        <v>393</v>
      </c>
    </row>
    <row r="33" spans="1:11" ht="15" customHeight="1">
      <c r="A33" s="17" t="s">
        <v>63</v>
      </c>
      <c r="B33" s="17"/>
      <c r="C33" s="13">
        <v>320</v>
      </c>
      <c r="D33" s="19">
        <v>166</v>
      </c>
      <c r="E33" s="19">
        <v>154</v>
      </c>
      <c r="F33" s="19"/>
      <c r="G33" s="18" t="s">
        <v>64</v>
      </c>
      <c r="H33" s="17"/>
      <c r="I33" s="13">
        <v>738</v>
      </c>
      <c r="J33" s="19">
        <v>345</v>
      </c>
      <c r="K33" s="19">
        <v>393</v>
      </c>
    </row>
    <row r="34" spans="1:11" ht="15" customHeight="1">
      <c r="A34" s="17" t="s">
        <v>65</v>
      </c>
      <c r="B34" s="17"/>
      <c r="C34" s="13">
        <v>288</v>
      </c>
      <c r="D34" s="19">
        <v>154</v>
      </c>
      <c r="E34" s="19">
        <v>134</v>
      </c>
      <c r="F34" s="19"/>
      <c r="G34" s="18" t="s">
        <v>66</v>
      </c>
      <c r="H34" s="17"/>
      <c r="I34" s="13">
        <v>742</v>
      </c>
      <c r="J34" s="19">
        <v>329</v>
      </c>
      <c r="K34" s="19">
        <v>413</v>
      </c>
    </row>
    <row r="35" spans="1:11" ht="20.100000000000001" customHeight="1">
      <c r="A35" s="17" t="s">
        <v>67</v>
      </c>
      <c r="B35" s="17"/>
      <c r="C35" s="13">
        <v>1458</v>
      </c>
      <c r="D35" s="14">
        <v>764</v>
      </c>
      <c r="E35" s="14">
        <v>694</v>
      </c>
      <c r="F35" s="14"/>
      <c r="G35" s="18" t="s">
        <v>68</v>
      </c>
      <c r="H35" s="17"/>
      <c r="I35" s="13">
        <v>2826</v>
      </c>
      <c r="J35" s="14">
        <v>1282</v>
      </c>
      <c r="K35" s="14">
        <v>1544</v>
      </c>
    </row>
    <row r="36" spans="1:11" ht="15" customHeight="1">
      <c r="A36" s="17" t="s">
        <v>69</v>
      </c>
      <c r="B36" s="17"/>
      <c r="C36" s="13">
        <v>335</v>
      </c>
      <c r="D36" s="19">
        <v>169</v>
      </c>
      <c r="E36" s="19">
        <v>166</v>
      </c>
      <c r="F36" s="19"/>
      <c r="G36" s="18" t="s">
        <v>70</v>
      </c>
      <c r="H36" s="17"/>
      <c r="I36" s="13">
        <v>561</v>
      </c>
      <c r="J36" s="19">
        <v>256</v>
      </c>
      <c r="K36" s="19">
        <v>305</v>
      </c>
    </row>
    <row r="37" spans="1:11" ht="15" customHeight="1">
      <c r="A37" s="17" t="s">
        <v>71</v>
      </c>
      <c r="B37" s="17"/>
      <c r="C37" s="13">
        <v>294</v>
      </c>
      <c r="D37" s="19">
        <v>147</v>
      </c>
      <c r="E37" s="19">
        <v>147</v>
      </c>
      <c r="F37" s="19"/>
      <c r="G37" s="18" t="s">
        <v>72</v>
      </c>
      <c r="H37" s="17"/>
      <c r="I37" s="13">
        <v>504</v>
      </c>
      <c r="J37" s="19">
        <v>229</v>
      </c>
      <c r="K37" s="19">
        <v>275</v>
      </c>
    </row>
    <row r="38" spans="1:11" ht="15" customHeight="1">
      <c r="A38" s="17" t="s">
        <v>73</v>
      </c>
      <c r="B38" s="17"/>
      <c r="C38" s="13">
        <v>302</v>
      </c>
      <c r="D38" s="19">
        <v>155</v>
      </c>
      <c r="E38" s="19">
        <v>147</v>
      </c>
      <c r="F38" s="19"/>
      <c r="G38" s="18" t="s">
        <v>74</v>
      </c>
      <c r="H38" s="17"/>
      <c r="I38" s="13">
        <v>563</v>
      </c>
      <c r="J38" s="19">
        <v>250</v>
      </c>
      <c r="K38" s="19">
        <v>313</v>
      </c>
    </row>
    <row r="39" spans="1:11" ht="15" customHeight="1">
      <c r="A39" s="17" t="s">
        <v>75</v>
      </c>
      <c r="B39" s="17"/>
      <c r="C39" s="13">
        <v>268</v>
      </c>
      <c r="D39" s="19">
        <v>149</v>
      </c>
      <c r="E39" s="19">
        <v>119</v>
      </c>
      <c r="F39" s="19"/>
      <c r="G39" s="18" t="s">
        <v>76</v>
      </c>
      <c r="H39" s="17"/>
      <c r="I39" s="13">
        <v>608</v>
      </c>
      <c r="J39" s="19">
        <v>265</v>
      </c>
      <c r="K39" s="19">
        <v>343</v>
      </c>
    </row>
    <row r="40" spans="1:11" ht="15" customHeight="1">
      <c r="A40" s="17" t="s">
        <v>77</v>
      </c>
      <c r="B40" s="17"/>
      <c r="C40" s="13">
        <v>259</v>
      </c>
      <c r="D40" s="19">
        <v>144</v>
      </c>
      <c r="E40" s="19">
        <v>115</v>
      </c>
      <c r="F40" s="19"/>
      <c r="G40" s="18" t="s">
        <v>78</v>
      </c>
      <c r="H40" s="17"/>
      <c r="I40" s="13">
        <v>590</v>
      </c>
      <c r="J40" s="19">
        <v>282</v>
      </c>
      <c r="K40" s="19">
        <v>308</v>
      </c>
    </row>
    <row r="41" spans="1:11" ht="20.100000000000001" customHeight="1">
      <c r="A41" s="17" t="s">
        <v>79</v>
      </c>
      <c r="B41" s="17"/>
      <c r="C41" s="13">
        <v>1458</v>
      </c>
      <c r="D41" s="14">
        <v>739</v>
      </c>
      <c r="E41" s="14">
        <v>719</v>
      </c>
      <c r="F41" s="14"/>
      <c r="G41" s="18" t="s">
        <v>80</v>
      </c>
      <c r="H41" s="17"/>
      <c r="I41" s="13">
        <v>2254</v>
      </c>
      <c r="J41" s="14">
        <v>1000</v>
      </c>
      <c r="K41" s="14">
        <v>1254</v>
      </c>
    </row>
    <row r="42" spans="1:11" ht="15" customHeight="1">
      <c r="A42" s="17" t="s">
        <v>81</v>
      </c>
      <c r="B42" s="17"/>
      <c r="C42" s="13">
        <v>285</v>
      </c>
      <c r="D42" s="19">
        <v>138</v>
      </c>
      <c r="E42" s="19">
        <v>147</v>
      </c>
      <c r="F42" s="19"/>
      <c r="G42" s="18" t="s">
        <v>82</v>
      </c>
      <c r="H42" s="17"/>
      <c r="I42" s="13">
        <v>559</v>
      </c>
      <c r="J42" s="19">
        <v>256</v>
      </c>
      <c r="K42" s="19">
        <v>303</v>
      </c>
    </row>
    <row r="43" spans="1:11" ht="15" customHeight="1">
      <c r="A43" s="17" t="s">
        <v>83</v>
      </c>
      <c r="B43" s="17"/>
      <c r="C43" s="13">
        <v>251</v>
      </c>
      <c r="D43" s="19">
        <v>128</v>
      </c>
      <c r="E43" s="19">
        <v>123</v>
      </c>
      <c r="F43" s="19"/>
      <c r="G43" s="18" t="s">
        <v>84</v>
      </c>
      <c r="H43" s="17"/>
      <c r="I43" s="13">
        <v>512</v>
      </c>
      <c r="J43" s="19">
        <v>208</v>
      </c>
      <c r="K43" s="19">
        <v>304</v>
      </c>
    </row>
    <row r="44" spans="1:11" ht="15" customHeight="1">
      <c r="A44" s="17" t="s">
        <v>85</v>
      </c>
      <c r="B44" s="17"/>
      <c r="C44" s="13">
        <v>290</v>
      </c>
      <c r="D44" s="19">
        <v>145</v>
      </c>
      <c r="E44" s="19">
        <v>145</v>
      </c>
      <c r="F44" s="19"/>
      <c r="G44" s="18" t="s">
        <v>86</v>
      </c>
      <c r="H44" s="17"/>
      <c r="I44" s="13">
        <v>452</v>
      </c>
      <c r="J44" s="19">
        <v>215</v>
      </c>
      <c r="K44" s="19">
        <v>237</v>
      </c>
    </row>
    <row r="45" spans="1:11" ht="15" customHeight="1">
      <c r="A45" s="17" t="s">
        <v>87</v>
      </c>
      <c r="B45" s="17"/>
      <c r="C45" s="13">
        <v>349</v>
      </c>
      <c r="D45" s="19">
        <v>186</v>
      </c>
      <c r="E45" s="19">
        <v>163</v>
      </c>
      <c r="F45" s="19"/>
      <c r="G45" s="18" t="s">
        <v>88</v>
      </c>
      <c r="H45" s="17"/>
      <c r="I45" s="13">
        <v>373</v>
      </c>
      <c r="J45" s="19">
        <v>165</v>
      </c>
      <c r="K45" s="19">
        <v>208</v>
      </c>
    </row>
    <row r="46" spans="1:11" ht="15" customHeight="1">
      <c r="A46" s="17" t="s">
        <v>89</v>
      </c>
      <c r="B46" s="17"/>
      <c r="C46" s="13">
        <v>283</v>
      </c>
      <c r="D46" s="19">
        <v>142</v>
      </c>
      <c r="E46" s="19">
        <v>141</v>
      </c>
      <c r="F46" s="19"/>
      <c r="G46" s="18" t="s">
        <v>90</v>
      </c>
      <c r="H46" s="17"/>
      <c r="I46" s="13">
        <v>358</v>
      </c>
      <c r="J46" s="19">
        <v>156</v>
      </c>
      <c r="K46" s="19">
        <v>202</v>
      </c>
    </row>
    <row r="47" spans="1:11" ht="20.100000000000001" customHeight="1">
      <c r="A47" s="17" t="s">
        <v>91</v>
      </c>
      <c r="B47" s="17"/>
      <c r="C47" s="13">
        <v>1923</v>
      </c>
      <c r="D47" s="14">
        <v>984</v>
      </c>
      <c r="E47" s="14">
        <v>939</v>
      </c>
      <c r="F47" s="14"/>
      <c r="G47" s="18" t="s">
        <v>92</v>
      </c>
      <c r="H47" s="17"/>
      <c r="I47" s="13">
        <v>1459</v>
      </c>
      <c r="J47" s="14">
        <v>568</v>
      </c>
      <c r="K47" s="14">
        <v>891</v>
      </c>
    </row>
    <row r="48" spans="1:11" ht="15" customHeight="1">
      <c r="A48" s="17" t="s">
        <v>93</v>
      </c>
      <c r="B48" s="17"/>
      <c r="C48" s="13">
        <v>329</v>
      </c>
      <c r="D48" s="19">
        <v>179</v>
      </c>
      <c r="E48" s="19">
        <v>150</v>
      </c>
      <c r="F48" s="19"/>
      <c r="G48" s="18" t="s">
        <v>94</v>
      </c>
      <c r="H48" s="17"/>
      <c r="I48" s="13">
        <v>378</v>
      </c>
      <c r="J48" s="19">
        <v>152</v>
      </c>
      <c r="K48" s="19">
        <v>226</v>
      </c>
    </row>
    <row r="49" spans="1:11" ht="15" customHeight="1">
      <c r="A49" s="17" t="s">
        <v>95</v>
      </c>
      <c r="B49" s="17"/>
      <c r="C49" s="13">
        <v>347</v>
      </c>
      <c r="D49" s="19">
        <v>177</v>
      </c>
      <c r="E49" s="19">
        <v>170</v>
      </c>
      <c r="F49" s="19"/>
      <c r="G49" s="18" t="s">
        <v>96</v>
      </c>
      <c r="H49" s="17"/>
      <c r="I49" s="13">
        <v>346</v>
      </c>
      <c r="J49" s="19">
        <v>138</v>
      </c>
      <c r="K49" s="19">
        <v>208</v>
      </c>
    </row>
    <row r="50" spans="1:11" ht="15" customHeight="1">
      <c r="A50" s="17" t="s">
        <v>97</v>
      </c>
      <c r="B50" s="17"/>
      <c r="C50" s="13">
        <v>386</v>
      </c>
      <c r="D50" s="19">
        <v>181</v>
      </c>
      <c r="E50" s="19">
        <v>205</v>
      </c>
      <c r="F50" s="19"/>
      <c r="G50" s="18" t="s">
        <v>98</v>
      </c>
      <c r="H50" s="17"/>
      <c r="I50" s="13">
        <v>294</v>
      </c>
      <c r="J50" s="19">
        <v>111</v>
      </c>
      <c r="K50" s="19">
        <v>183</v>
      </c>
    </row>
    <row r="51" spans="1:11" ht="15" customHeight="1">
      <c r="A51" s="17" t="s">
        <v>99</v>
      </c>
      <c r="B51" s="17"/>
      <c r="C51" s="13">
        <v>430</v>
      </c>
      <c r="D51" s="19">
        <v>214</v>
      </c>
      <c r="E51" s="19">
        <v>216</v>
      </c>
      <c r="F51" s="19"/>
      <c r="G51" s="18" t="s">
        <v>100</v>
      </c>
      <c r="H51" s="17"/>
      <c r="I51" s="13">
        <v>233</v>
      </c>
      <c r="J51" s="19">
        <v>94</v>
      </c>
      <c r="K51" s="19">
        <v>139</v>
      </c>
    </row>
    <row r="52" spans="1:11" ht="15" customHeight="1">
      <c r="A52" s="17" t="s">
        <v>101</v>
      </c>
      <c r="B52" s="17"/>
      <c r="C52" s="13">
        <v>431</v>
      </c>
      <c r="D52" s="19">
        <v>233</v>
      </c>
      <c r="E52" s="19">
        <v>198</v>
      </c>
      <c r="F52" s="19"/>
      <c r="G52" s="18" t="s">
        <v>102</v>
      </c>
      <c r="H52" s="17"/>
      <c r="I52" s="13">
        <v>208</v>
      </c>
      <c r="J52" s="19">
        <v>73</v>
      </c>
      <c r="K52" s="19">
        <v>135</v>
      </c>
    </row>
    <row r="53" spans="1:11" ht="20.100000000000001" customHeight="1">
      <c r="A53" s="17" t="s">
        <v>103</v>
      </c>
      <c r="B53" s="17"/>
      <c r="C53" s="13">
        <v>2395</v>
      </c>
      <c r="D53" s="14">
        <v>1205</v>
      </c>
      <c r="E53" s="14">
        <v>1190</v>
      </c>
      <c r="F53" s="14"/>
      <c r="G53" s="18" t="s">
        <v>104</v>
      </c>
      <c r="H53" s="17"/>
      <c r="I53" s="13">
        <v>560</v>
      </c>
      <c r="J53" s="14">
        <v>171</v>
      </c>
      <c r="K53" s="14">
        <v>389</v>
      </c>
    </row>
    <row r="54" spans="1:11" ht="15" customHeight="1">
      <c r="A54" s="17" t="s">
        <v>105</v>
      </c>
      <c r="B54" s="17"/>
      <c r="C54" s="13">
        <v>460</v>
      </c>
      <c r="D54" s="19">
        <v>223</v>
      </c>
      <c r="E54" s="19">
        <v>237</v>
      </c>
      <c r="F54" s="19"/>
      <c r="G54" s="18" t="s">
        <v>106</v>
      </c>
      <c r="H54" s="17"/>
      <c r="I54" s="13">
        <v>158</v>
      </c>
      <c r="J54" s="19">
        <v>51</v>
      </c>
      <c r="K54" s="19">
        <v>107</v>
      </c>
    </row>
    <row r="55" spans="1:11" ht="15" customHeight="1">
      <c r="A55" s="17" t="s">
        <v>107</v>
      </c>
      <c r="B55" s="17"/>
      <c r="C55" s="13">
        <v>457</v>
      </c>
      <c r="D55" s="19">
        <v>226</v>
      </c>
      <c r="E55" s="19">
        <v>231</v>
      </c>
      <c r="F55" s="19"/>
      <c r="G55" s="18" t="s">
        <v>108</v>
      </c>
      <c r="H55" s="17"/>
      <c r="I55" s="13">
        <v>122</v>
      </c>
      <c r="J55" s="19">
        <v>33</v>
      </c>
      <c r="K55" s="19">
        <v>89</v>
      </c>
    </row>
    <row r="56" spans="1:11" ht="15" customHeight="1">
      <c r="A56" s="17" t="s">
        <v>109</v>
      </c>
      <c r="B56" s="17"/>
      <c r="C56" s="13">
        <v>476</v>
      </c>
      <c r="D56" s="19">
        <v>252</v>
      </c>
      <c r="E56" s="19">
        <v>224</v>
      </c>
      <c r="F56" s="19"/>
      <c r="G56" s="18" t="s">
        <v>110</v>
      </c>
      <c r="H56" s="17"/>
      <c r="I56" s="13">
        <v>117</v>
      </c>
      <c r="J56" s="19">
        <v>42</v>
      </c>
      <c r="K56" s="19">
        <v>75</v>
      </c>
    </row>
    <row r="57" spans="1:11" ht="15" customHeight="1">
      <c r="A57" s="17" t="s">
        <v>111</v>
      </c>
      <c r="B57" s="17"/>
      <c r="C57" s="13">
        <v>474</v>
      </c>
      <c r="D57" s="19">
        <v>244</v>
      </c>
      <c r="E57" s="19">
        <v>230</v>
      </c>
      <c r="F57" s="19"/>
      <c r="G57" s="18" t="s">
        <v>112</v>
      </c>
      <c r="H57" s="17"/>
      <c r="I57" s="13">
        <v>94</v>
      </c>
      <c r="J57" s="19">
        <v>24</v>
      </c>
      <c r="K57" s="19">
        <v>70</v>
      </c>
    </row>
    <row r="58" spans="1:11" ht="15" customHeight="1">
      <c r="A58" s="17" t="s">
        <v>113</v>
      </c>
      <c r="B58" s="17"/>
      <c r="C58" s="13">
        <v>528</v>
      </c>
      <c r="D58" s="19">
        <v>260</v>
      </c>
      <c r="E58" s="19">
        <v>268</v>
      </c>
      <c r="F58" s="19"/>
      <c r="G58" s="18" t="s">
        <v>114</v>
      </c>
      <c r="H58" s="17"/>
      <c r="I58" s="13">
        <v>69</v>
      </c>
      <c r="J58" s="19">
        <v>21</v>
      </c>
      <c r="K58" s="19">
        <v>48</v>
      </c>
    </row>
    <row r="59" spans="1:11" ht="20.100000000000001" customHeight="1">
      <c r="A59" s="17" t="s">
        <v>115</v>
      </c>
      <c r="B59" s="17"/>
      <c r="C59" s="13">
        <v>3093</v>
      </c>
      <c r="D59" s="14">
        <v>1614</v>
      </c>
      <c r="E59" s="14">
        <v>1479</v>
      </c>
      <c r="F59" s="14"/>
      <c r="G59" s="18" t="s">
        <v>116</v>
      </c>
      <c r="H59" s="17"/>
      <c r="I59" s="13">
        <v>131</v>
      </c>
      <c r="J59" s="14">
        <v>30</v>
      </c>
      <c r="K59" s="14">
        <v>101</v>
      </c>
    </row>
    <row r="60" spans="1:11" ht="15" customHeight="1">
      <c r="A60" s="17" t="s">
        <v>117</v>
      </c>
      <c r="B60" s="17"/>
      <c r="C60" s="13">
        <v>534</v>
      </c>
      <c r="D60" s="19">
        <v>271</v>
      </c>
      <c r="E60" s="19">
        <v>263</v>
      </c>
      <c r="F60" s="19"/>
      <c r="G60" s="18" t="s">
        <v>118</v>
      </c>
      <c r="H60" s="17"/>
      <c r="I60" s="13">
        <v>51</v>
      </c>
      <c r="J60" s="19">
        <v>9</v>
      </c>
      <c r="K60" s="19">
        <v>42</v>
      </c>
    </row>
    <row r="61" spans="1:11" ht="15" customHeight="1">
      <c r="A61" s="17" t="s">
        <v>119</v>
      </c>
      <c r="B61" s="17"/>
      <c r="C61" s="13">
        <v>572</v>
      </c>
      <c r="D61" s="19">
        <v>283</v>
      </c>
      <c r="E61" s="19">
        <v>289</v>
      </c>
      <c r="F61" s="19"/>
      <c r="G61" s="18" t="s">
        <v>120</v>
      </c>
      <c r="H61" s="17"/>
      <c r="I61" s="13">
        <v>35</v>
      </c>
      <c r="J61" s="19">
        <v>10</v>
      </c>
      <c r="K61" s="19">
        <v>25</v>
      </c>
    </row>
    <row r="62" spans="1:11" ht="15" customHeight="1">
      <c r="A62" s="17" t="s">
        <v>121</v>
      </c>
      <c r="B62" s="17"/>
      <c r="C62" s="13">
        <v>628</v>
      </c>
      <c r="D62" s="19">
        <v>344</v>
      </c>
      <c r="E62" s="19">
        <v>284</v>
      </c>
      <c r="F62" s="19"/>
      <c r="G62" s="18" t="s">
        <v>122</v>
      </c>
      <c r="H62" s="17"/>
      <c r="I62" s="13">
        <v>19</v>
      </c>
      <c r="J62" s="19">
        <v>5</v>
      </c>
      <c r="K62" s="19">
        <v>14</v>
      </c>
    </row>
    <row r="63" spans="1:11" ht="15" customHeight="1">
      <c r="A63" s="17" t="s">
        <v>123</v>
      </c>
      <c r="B63" s="17"/>
      <c r="C63" s="13">
        <v>720</v>
      </c>
      <c r="D63" s="19">
        <v>370</v>
      </c>
      <c r="E63" s="19">
        <v>350</v>
      </c>
      <c r="F63" s="19"/>
      <c r="G63" s="18" t="s">
        <v>124</v>
      </c>
      <c r="H63" s="17"/>
      <c r="I63" s="13">
        <v>19</v>
      </c>
      <c r="J63" s="19">
        <v>3</v>
      </c>
      <c r="K63" s="19">
        <v>16</v>
      </c>
    </row>
    <row r="64" spans="1:11" ht="15" customHeight="1">
      <c r="A64" s="17" t="s">
        <v>125</v>
      </c>
      <c r="B64" s="17"/>
      <c r="C64" s="13">
        <v>639</v>
      </c>
      <c r="D64" s="19">
        <v>346</v>
      </c>
      <c r="E64" s="19">
        <v>293</v>
      </c>
      <c r="F64" s="19"/>
      <c r="G64" s="18" t="s">
        <v>126</v>
      </c>
      <c r="H64" s="17"/>
      <c r="I64" s="13">
        <v>7</v>
      </c>
      <c r="J64" s="19">
        <v>3</v>
      </c>
      <c r="K64" s="19">
        <v>4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26</v>
      </c>
      <c r="J65" s="19">
        <v>6</v>
      </c>
      <c r="K65" s="19">
        <v>20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400</v>
      </c>
      <c r="J66" s="27">
        <v>201</v>
      </c>
      <c r="K66" s="27">
        <v>199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4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9100</v>
      </c>
      <c r="D4" s="14">
        <v>4544</v>
      </c>
      <c r="E4" s="14">
        <v>4556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83</v>
      </c>
      <c r="D5" s="14">
        <v>93</v>
      </c>
      <c r="E5" s="14">
        <v>90</v>
      </c>
      <c r="F5" s="14"/>
      <c r="G5" s="18" t="s">
        <v>8</v>
      </c>
      <c r="H5" s="17"/>
      <c r="I5" s="13">
        <v>633</v>
      </c>
      <c r="J5" s="14">
        <v>339</v>
      </c>
      <c r="K5" s="14">
        <v>294</v>
      </c>
    </row>
    <row r="6" spans="1:11" ht="15" customHeight="1">
      <c r="A6" s="17" t="s">
        <v>9</v>
      </c>
      <c r="B6" s="17"/>
      <c r="C6" s="13">
        <v>30</v>
      </c>
      <c r="D6" s="19">
        <v>19</v>
      </c>
      <c r="E6" s="19">
        <v>11</v>
      </c>
      <c r="F6" s="19"/>
      <c r="G6" s="18" t="s">
        <v>10</v>
      </c>
      <c r="H6" s="17"/>
      <c r="I6" s="13">
        <v>141</v>
      </c>
      <c r="J6" s="19">
        <v>73</v>
      </c>
      <c r="K6" s="19">
        <v>68</v>
      </c>
    </row>
    <row r="7" spans="1:11" ht="15" customHeight="1">
      <c r="A7" s="17" t="s">
        <v>11</v>
      </c>
      <c r="B7" s="17"/>
      <c r="C7" s="13">
        <v>29</v>
      </c>
      <c r="D7" s="19">
        <v>14</v>
      </c>
      <c r="E7" s="19">
        <v>15</v>
      </c>
      <c r="F7" s="19"/>
      <c r="G7" s="18" t="s">
        <v>12</v>
      </c>
      <c r="H7" s="17"/>
      <c r="I7" s="13">
        <v>122</v>
      </c>
      <c r="J7" s="19">
        <v>70</v>
      </c>
      <c r="K7" s="19">
        <v>52</v>
      </c>
    </row>
    <row r="8" spans="1:11" ht="15" customHeight="1">
      <c r="A8" s="17" t="s">
        <v>13</v>
      </c>
      <c r="B8" s="17"/>
      <c r="C8" s="13">
        <v>40</v>
      </c>
      <c r="D8" s="19">
        <v>17</v>
      </c>
      <c r="E8" s="19">
        <v>23</v>
      </c>
      <c r="F8" s="19"/>
      <c r="G8" s="18" t="s">
        <v>14</v>
      </c>
      <c r="H8" s="17"/>
      <c r="I8" s="13">
        <v>123</v>
      </c>
      <c r="J8" s="19">
        <v>64</v>
      </c>
      <c r="K8" s="19">
        <v>59</v>
      </c>
    </row>
    <row r="9" spans="1:11" ht="15" customHeight="1">
      <c r="A9" s="17" t="s">
        <v>15</v>
      </c>
      <c r="B9" s="17"/>
      <c r="C9" s="13">
        <v>38</v>
      </c>
      <c r="D9" s="19">
        <v>16</v>
      </c>
      <c r="E9" s="19">
        <v>22</v>
      </c>
      <c r="F9" s="19"/>
      <c r="G9" s="18" t="s">
        <v>16</v>
      </c>
      <c r="H9" s="17"/>
      <c r="I9" s="13">
        <v>109</v>
      </c>
      <c r="J9" s="19">
        <v>57</v>
      </c>
      <c r="K9" s="19">
        <v>52</v>
      </c>
    </row>
    <row r="10" spans="1:11" ht="15" customHeight="1">
      <c r="A10" s="17" t="s">
        <v>17</v>
      </c>
      <c r="B10" s="17"/>
      <c r="C10" s="13">
        <v>46</v>
      </c>
      <c r="D10" s="19">
        <v>27</v>
      </c>
      <c r="E10" s="19">
        <v>19</v>
      </c>
      <c r="F10" s="19"/>
      <c r="G10" s="18" t="s">
        <v>18</v>
      </c>
      <c r="H10" s="17"/>
      <c r="I10" s="13">
        <v>138</v>
      </c>
      <c r="J10" s="19">
        <v>75</v>
      </c>
      <c r="K10" s="19">
        <v>63</v>
      </c>
    </row>
    <row r="11" spans="1:11" ht="20.100000000000001" customHeight="1">
      <c r="A11" s="17" t="s">
        <v>19</v>
      </c>
      <c r="B11" s="17"/>
      <c r="C11" s="13">
        <v>253</v>
      </c>
      <c r="D11" s="14">
        <v>126</v>
      </c>
      <c r="E11" s="14">
        <v>127</v>
      </c>
      <c r="F11" s="14"/>
      <c r="G11" s="18" t="s">
        <v>20</v>
      </c>
      <c r="H11" s="17"/>
      <c r="I11" s="13">
        <v>495</v>
      </c>
      <c r="J11" s="14">
        <v>243</v>
      </c>
      <c r="K11" s="14">
        <v>252</v>
      </c>
    </row>
    <row r="12" spans="1:11" ht="15" customHeight="1">
      <c r="A12" s="17" t="s">
        <v>21</v>
      </c>
      <c r="B12" s="17"/>
      <c r="C12" s="13">
        <v>46</v>
      </c>
      <c r="D12" s="19">
        <v>27</v>
      </c>
      <c r="E12" s="19">
        <v>19</v>
      </c>
      <c r="F12" s="19"/>
      <c r="G12" s="18" t="s">
        <v>22</v>
      </c>
      <c r="H12" s="17"/>
      <c r="I12" s="13">
        <v>88</v>
      </c>
      <c r="J12" s="19">
        <v>38</v>
      </c>
      <c r="K12" s="19">
        <v>50</v>
      </c>
    </row>
    <row r="13" spans="1:11" ht="15" customHeight="1">
      <c r="A13" s="17" t="s">
        <v>23</v>
      </c>
      <c r="B13" s="17"/>
      <c r="C13" s="13">
        <v>55</v>
      </c>
      <c r="D13" s="19">
        <v>24</v>
      </c>
      <c r="E13" s="19">
        <v>31</v>
      </c>
      <c r="F13" s="19"/>
      <c r="G13" s="18" t="s">
        <v>24</v>
      </c>
      <c r="H13" s="17"/>
      <c r="I13" s="13">
        <v>116</v>
      </c>
      <c r="J13" s="19">
        <v>64</v>
      </c>
      <c r="K13" s="19">
        <v>52</v>
      </c>
    </row>
    <row r="14" spans="1:11" ht="15" customHeight="1">
      <c r="A14" s="17" t="s">
        <v>25</v>
      </c>
      <c r="B14" s="17"/>
      <c r="C14" s="13">
        <v>52</v>
      </c>
      <c r="D14" s="19">
        <v>26</v>
      </c>
      <c r="E14" s="19">
        <v>26</v>
      </c>
      <c r="F14" s="19"/>
      <c r="G14" s="18" t="s">
        <v>26</v>
      </c>
      <c r="H14" s="17"/>
      <c r="I14" s="13">
        <v>112</v>
      </c>
      <c r="J14" s="19">
        <v>52</v>
      </c>
      <c r="K14" s="19">
        <v>60</v>
      </c>
    </row>
    <row r="15" spans="1:11" ht="15" customHeight="1">
      <c r="A15" s="17" t="s">
        <v>27</v>
      </c>
      <c r="B15" s="17"/>
      <c r="C15" s="13">
        <v>47</v>
      </c>
      <c r="D15" s="19">
        <v>21</v>
      </c>
      <c r="E15" s="19">
        <v>26</v>
      </c>
      <c r="F15" s="19"/>
      <c r="G15" s="18" t="s">
        <v>28</v>
      </c>
      <c r="H15" s="17"/>
      <c r="I15" s="13">
        <v>94</v>
      </c>
      <c r="J15" s="19">
        <v>46</v>
      </c>
      <c r="K15" s="19">
        <v>48</v>
      </c>
    </row>
    <row r="16" spans="1:11" ht="15" customHeight="1">
      <c r="A16" s="17" t="s">
        <v>29</v>
      </c>
      <c r="B16" s="17"/>
      <c r="C16" s="13">
        <v>53</v>
      </c>
      <c r="D16" s="19">
        <v>28</v>
      </c>
      <c r="E16" s="19">
        <v>25</v>
      </c>
      <c r="F16" s="19"/>
      <c r="G16" s="18" t="s">
        <v>30</v>
      </c>
      <c r="H16" s="17"/>
      <c r="I16" s="13">
        <v>85</v>
      </c>
      <c r="J16" s="19">
        <v>43</v>
      </c>
      <c r="K16" s="19">
        <v>42</v>
      </c>
    </row>
    <row r="17" spans="1:11" ht="20.100000000000001" customHeight="1">
      <c r="A17" s="20" t="s">
        <v>31</v>
      </c>
      <c r="B17" s="20"/>
      <c r="C17" s="13">
        <v>362</v>
      </c>
      <c r="D17" s="14">
        <v>177</v>
      </c>
      <c r="E17" s="14">
        <v>185</v>
      </c>
      <c r="F17" s="14"/>
      <c r="G17" s="18" t="s">
        <v>32</v>
      </c>
      <c r="H17" s="17"/>
      <c r="I17" s="13">
        <v>520</v>
      </c>
      <c r="J17" s="14">
        <v>248</v>
      </c>
      <c r="K17" s="14">
        <v>272</v>
      </c>
    </row>
    <row r="18" spans="1:11" ht="15" customHeight="1">
      <c r="A18" s="17" t="s">
        <v>33</v>
      </c>
      <c r="B18" s="17"/>
      <c r="C18" s="13">
        <v>61</v>
      </c>
      <c r="D18" s="19">
        <v>35</v>
      </c>
      <c r="E18" s="19">
        <v>26</v>
      </c>
      <c r="F18" s="19"/>
      <c r="G18" s="18" t="s">
        <v>34</v>
      </c>
      <c r="H18" s="17"/>
      <c r="I18" s="13">
        <v>101</v>
      </c>
      <c r="J18" s="19">
        <v>44</v>
      </c>
      <c r="K18" s="19">
        <v>57</v>
      </c>
    </row>
    <row r="19" spans="1:11" ht="15" customHeight="1">
      <c r="A19" s="17" t="s">
        <v>35</v>
      </c>
      <c r="B19" s="17"/>
      <c r="C19" s="13">
        <v>64</v>
      </c>
      <c r="D19" s="19">
        <v>32</v>
      </c>
      <c r="E19" s="19">
        <v>32</v>
      </c>
      <c r="F19" s="19"/>
      <c r="G19" s="18" t="s">
        <v>36</v>
      </c>
      <c r="H19" s="17"/>
      <c r="I19" s="13">
        <v>106</v>
      </c>
      <c r="J19" s="19">
        <v>50</v>
      </c>
      <c r="K19" s="19">
        <v>56</v>
      </c>
    </row>
    <row r="20" spans="1:11" ht="15" customHeight="1">
      <c r="A20" s="17" t="s">
        <v>37</v>
      </c>
      <c r="B20" s="17"/>
      <c r="C20" s="13">
        <v>70</v>
      </c>
      <c r="D20" s="19">
        <v>34</v>
      </c>
      <c r="E20" s="19">
        <v>36</v>
      </c>
      <c r="F20" s="19"/>
      <c r="G20" s="18" t="s">
        <v>38</v>
      </c>
      <c r="H20" s="17"/>
      <c r="I20" s="13">
        <v>88</v>
      </c>
      <c r="J20" s="19">
        <v>44</v>
      </c>
      <c r="K20" s="19">
        <v>44</v>
      </c>
    </row>
    <row r="21" spans="1:11" ht="15" customHeight="1">
      <c r="A21" s="17" t="s">
        <v>39</v>
      </c>
      <c r="B21" s="17"/>
      <c r="C21" s="13">
        <v>88</v>
      </c>
      <c r="D21" s="19">
        <v>42</v>
      </c>
      <c r="E21" s="19">
        <v>46</v>
      </c>
      <c r="F21" s="19"/>
      <c r="G21" s="18" t="s">
        <v>40</v>
      </c>
      <c r="H21" s="17"/>
      <c r="I21" s="13">
        <v>107</v>
      </c>
      <c r="J21" s="19">
        <v>51</v>
      </c>
      <c r="K21" s="19">
        <v>56</v>
      </c>
    </row>
    <row r="22" spans="1:11" ht="15" customHeight="1">
      <c r="A22" s="17" t="s">
        <v>41</v>
      </c>
      <c r="B22" s="17"/>
      <c r="C22" s="13">
        <v>79</v>
      </c>
      <c r="D22" s="19">
        <v>34</v>
      </c>
      <c r="E22" s="19">
        <v>45</v>
      </c>
      <c r="F22" s="19"/>
      <c r="G22" s="18" t="s">
        <v>42</v>
      </c>
      <c r="H22" s="17"/>
      <c r="I22" s="13">
        <v>118</v>
      </c>
      <c r="J22" s="19">
        <v>59</v>
      </c>
      <c r="K22" s="19">
        <v>59</v>
      </c>
    </row>
    <row r="23" spans="1:11" ht="20.100000000000001" customHeight="1">
      <c r="A23" s="17" t="s">
        <v>43</v>
      </c>
      <c r="B23" s="17"/>
      <c r="C23" s="13">
        <v>438</v>
      </c>
      <c r="D23" s="14">
        <v>247</v>
      </c>
      <c r="E23" s="14">
        <v>191</v>
      </c>
      <c r="F23" s="14"/>
      <c r="G23" s="18" t="s">
        <v>44</v>
      </c>
      <c r="H23" s="17"/>
      <c r="I23" s="13">
        <v>678</v>
      </c>
      <c r="J23" s="14">
        <v>315</v>
      </c>
      <c r="K23" s="14">
        <v>363</v>
      </c>
    </row>
    <row r="24" spans="1:11" ht="15" customHeight="1">
      <c r="A24" s="17" t="s">
        <v>45</v>
      </c>
      <c r="B24" s="17"/>
      <c r="C24" s="13">
        <v>82</v>
      </c>
      <c r="D24" s="19">
        <v>36</v>
      </c>
      <c r="E24" s="19">
        <v>46</v>
      </c>
      <c r="F24" s="19"/>
      <c r="G24" s="18" t="s">
        <v>46</v>
      </c>
      <c r="H24" s="17"/>
      <c r="I24" s="13">
        <v>120</v>
      </c>
      <c r="J24" s="19">
        <v>64</v>
      </c>
      <c r="K24" s="19">
        <v>56</v>
      </c>
    </row>
    <row r="25" spans="1:11" ht="15" customHeight="1">
      <c r="A25" s="17" t="s">
        <v>47</v>
      </c>
      <c r="B25" s="17"/>
      <c r="C25" s="13">
        <v>79</v>
      </c>
      <c r="D25" s="19">
        <v>44</v>
      </c>
      <c r="E25" s="19">
        <v>35</v>
      </c>
      <c r="F25" s="19"/>
      <c r="G25" s="18" t="s">
        <v>48</v>
      </c>
      <c r="H25" s="17"/>
      <c r="I25" s="13">
        <v>135</v>
      </c>
      <c r="J25" s="19">
        <v>68</v>
      </c>
      <c r="K25" s="19">
        <v>67</v>
      </c>
    </row>
    <row r="26" spans="1:11" ht="15" customHeight="1">
      <c r="A26" s="17" t="s">
        <v>49</v>
      </c>
      <c r="B26" s="17"/>
      <c r="C26" s="13">
        <v>100</v>
      </c>
      <c r="D26" s="19">
        <v>62</v>
      </c>
      <c r="E26" s="19">
        <v>38</v>
      </c>
      <c r="F26" s="19"/>
      <c r="G26" s="18" t="s">
        <v>50</v>
      </c>
      <c r="H26" s="17"/>
      <c r="I26" s="13">
        <v>131</v>
      </c>
      <c r="J26" s="19">
        <v>50</v>
      </c>
      <c r="K26" s="19">
        <v>81</v>
      </c>
    </row>
    <row r="27" spans="1:11" ht="15" customHeight="1">
      <c r="A27" s="17" t="s">
        <v>51</v>
      </c>
      <c r="B27" s="17"/>
      <c r="C27" s="13">
        <v>94</v>
      </c>
      <c r="D27" s="19">
        <v>57</v>
      </c>
      <c r="E27" s="19">
        <v>37</v>
      </c>
      <c r="F27" s="19"/>
      <c r="G27" s="18" t="s">
        <v>52</v>
      </c>
      <c r="H27" s="17"/>
      <c r="I27" s="13">
        <v>140</v>
      </c>
      <c r="J27" s="19">
        <v>60</v>
      </c>
      <c r="K27" s="19">
        <v>80</v>
      </c>
    </row>
    <row r="28" spans="1:11" ht="15" customHeight="1">
      <c r="A28" s="17" t="s">
        <v>53</v>
      </c>
      <c r="B28" s="17"/>
      <c r="C28" s="13">
        <v>83</v>
      </c>
      <c r="D28" s="19">
        <v>48</v>
      </c>
      <c r="E28" s="19">
        <v>35</v>
      </c>
      <c r="F28" s="19"/>
      <c r="G28" s="18" t="s">
        <v>54</v>
      </c>
      <c r="H28" s="17"/>
      <c r="I28" s="13">
        <v>152</v>
      </c>
      <c r="J28" s="19">
        <v>73</v>
      </c>
      <c r="K28" s="19">
        <v>79</v>
      </c>
    </row>
    <row r="29" spans="1:11" ht="20.100000000000001" customHeight="1">
      <c r="A29" s="17" t="s">
        <v>55</v>
      </c>
      <c r="B29" s="17"/>
      <c r="C29" s="13">
        <v>385</v>
      </c>
      <c r="D29" s="14">
        <v>202</v>
      </c>
      <c r="E29" s="14">
        <v>183</v>
      </c>
      <c r="F29" s="14"/>
      <c r="G29" s="18" t="s">
        <v>56</v>
      </c>
      <c r="H29" s="17"/>
      <c r="I29" s="13">
        <v>938</v>
      </c>
      <c r="J29" s="14">
        <v>452</v>
      </c>
      <c r="K29" s="14">
        <v>486</v>
      </c>
    </row>
    <row r="30" spans="1:11" ht="15" customHeight="1">
      <c r="A30" s="17" t="s">
        <v>57</v>
      </c>
      <c r="B30" s="17"/>
      <c r="C30" s="13">
        <v>86</v>
      </c>
      <c r="D30" s="19">
        <v>37</v>
      </c>
      <c r="E30" s="19">
        <v>49</v>
      </c>
      <c r="F30" s="19"/>
      <c r="G30" s="18" t="s">
        <v>58</v>
      </c>
      <c r="H30" s="17"/>
      <c r="I30" s="13">
        <v>173</v>
      </c>
      <c r="J30" s="19">
        <v>75</v>
      </c>
      <c r="K30" s="19">
        <v>98</v>
      </c>
    </row>
    <row r="31" spans="1:11" ht="15" customHeight="1">
      <c r="A31" s="17" t="s">
        <v>59</v>
      </c>
      <c r="B31" s="17"/>
      <c r="C31" s="13">
        <v>80</v>
      </c>
      <c r="D31" s="19">
        <v>49</v>
      </c>
      <c r="E31" s="19">
        <v>31</v>
      </c>
      <c r="F31" s="19"/>
      <c r="G31" s="18" t="s">
        <v>60</v>
      </c>
      <c r="H31" s="17"/>
      <c r="I31" s="13">
        <v>171</v>
      </c>
      <c r="J31" s="19">
        <v>79</v>
      </c>
      <c r="K31" s="19">
        <v>92</v>
      </c>
    </row>
    <row r="32" spans="1:11" ht="15" customHeight="1">
      <c r="A32" s="17" t="s">
        <v>61</v>
      </c>
      <c r="B32" s="17"/>
      <c r="C32" s="13">
        <v>81</v>
      </c>
      <c r="D32" s="19">
        <v>43</v>
      </c>
      <c r="E32" s="19">
        <v>38</v>
      </c>
      <c r="F32" s="19"/>
      <c r="G32" s="18" t="s">
        <v>62</v>
      </c>
      <c r="H32" s="17"/>
      <c r="I32" s="13">
        <v>209</v>
      </c>
      <c r="J32" s="19">
        <v>108</v>
      </c>
      <c r="K32" s="19">
        <v>101</v>
      </c>
    </row>
    <row r="33" spans="1:11" ht="15" customHeight="1">
      <c r="A33" s="17" t="s">
        <v>63</v>
      </c>
      <c r="B33" s="17"/>
      <c r="C33" s="13">
        <v>78</v>
      </c>
      <c r="D33" s="19">
        <v>35</v>
      </c>
      <c r="E33" s="19">
        <v>43</v>
      </c>
      <c r="F33" s="19"/>
      <c r="G33" s="18" t="s">
        <v>64</v>
      </c>
      <c r="H33" s="17"/>
      <c r="I33" s="13">
        <v>194</v>
      </c>
      <c r="J33" s="19">
        <v>95</v>
      </c>
      <c r="K33" s="19">
        <v>99</v>
      </c>
    </row>
    <row r="34" spans="1:11" ht="15" customHeight="1">
      <c r="A34" s="17" t="s">
        <v>65</v>
      </c>
      <c r="B34" s="17"/>
      <c r="C34" s="13">
        <v>60</v>
      </c>
      <c r="D34" s="19">
        <v>38</v>
      </c>
      <c r="E34" s="19">
        <v>22</v>
      </c>
      <c r="F34" s="19"/>
      <c r="G34" s="18" t="s">
        <v>66</v>
      </c>
      <c r="H34" s="17"/>
      <c r="I34" s="13">
        <v>191</v>
      </c>
      <c r="J34" s="19">
        <v>95</v>
      </c>
      <c r="K34" s="19">
        <v>96</v>
      </c>
    </row>
    <row r="35" spans="1:11" ht="20.100000000000001" customHeight="1">
      <c r="A35" s="17" t="s">
        <v>67</v>
      </c>
      <c r="B35" s="17"/>
      <c r="C35" s="13">
        <v>249</v>
      </c>
      <c r="D35" s="14">
        <v>139</v>
      </c>
      <c r="E35" s="14">
        <v>110</v>
      </c>
      <c r="F35" s="14"/>
      <c r="G35" s="18" t="s">
        <v>68</v>
      </c>
      <c r="H35" s="17"/>
      <c r="I35" s="13">
        <v>695</v>
      </c>
      <c r="J35" s="14">
        <v>334</v>
      </c>
      <c r="K35" s="14">
        <v>361</v>
      </c>
    </row>
    <row r="36" spans="1:11" ht="15" customHeight="1">
      <c r="A36" s="17" t="s">
        <v>69</v>
      </c>
      <c r="B36" s="17"/>
      <c r="C36" s="13">
        <v>54</v>
      </c>
      <c r="D36" s="19">
        <v>33</v>
      </c>
      <c r="E36" s="19">
        <v>21</v>
      </c>
      <c r="F36" s="19"/>
      <c r="G36" s="18" t="s">
        <v>70</v>
      </c>
      <c r="H36" s="17"/>
      <c r="I36" s="13">
        <v>157</v>
      </c>
      <c r="J36" s="19">
        <v>75</v>
      </c>
      <c r="K36" s="19">
        <v>82</v>
      </c>
    </row>
    <row r="37" spans="1:11" ht="15" customHeight="1">
      <c r="A37" s="17" t="s">
        <v>71</v>
      </c>
      <c r="B37" s="17"/>
      <c r="C37" s="13">
        <v>54</v>
      </c>
      <c r="D37" s="19">
        <v>23</v>
      </c>
      <c r="E37" s="19">
        <v>31</v>
      </c>
      <c r="F37" s="19"/>
      <c r="G37" s="18" t="s">
        <v>72</v>
      </c>
      <c r="H37" s="17"/>
      <c r="I37" s="13">
        <v>117</v>
      </c>
      <c r="J37" s="19">
        <v>61</v>
      </c>
      <c r="K37" s="19">
        <v>56</v>
      </c>
    </row>
    <row r="38" spans="1:11" ht="15" customHeight="1">
      <c r="A38" s="17" t="s">
        <v>73</v>
      </c>
      <c r="B38" s="17"/>
      <c r="C38" s="13">
        <v>50</v>
      </c>
      <c r="D38" s="19">
        <v>28</v>
      </c>
      <c r="E38" s="19">
        <v>22</v>
      </c>
      <c r="F38" s="19"/>
      <c r="G38" s="18" t="s">
        <v>74</v>
      </c>
      <c r="H38" s="17"/>
      <c r="I38" s="13">
        <v>160</v>
      </c>
      <c r="J38" s="19">
        <v>76</v>
      </c>
      <c r="K38" s="19">
        <v>84</v>
      </c>
    </row>
    <row r="39" spans="1:11" ht="15" customHeight="1">
      <c r="A39" s="17" t="s">
        <v>75</v>
      </c>
      <c r="B39" s="17"/>
      <c r="C39" s="13">
        <v>42</v>
      </c>
      <c r="D39" s="19">
        <v>26</v>
      </c>
      <c r="E39" s="19">
        <v>16</v>
      </c>
      <c r="F39" s="19"/>
      <c r="G39" s="18" t="s">
        <v>76</v>
      </c>
      <c r="H39" s="17"/>
      <c r="I39" s="13">
        <v>134</v>
      </c>
      <c r="J39" s="19">
        <v>60</v>
      </c>
      <c r="K39" s="19">
        <v>74</v>
      </c>
    </row>
    <row r="40" spans="1:11" ht="15" customHeight="1">
      <c r="A40" s="17" t="s">
        <v>77</v>
      </c>
      <c r="B40" s="17"/>
      <c r="C40" s="13">
        <v>49</v>
      </c>
      <c r="D40" s="19">
        <v>29</v>
      </c>
      <c r="E40" s="19">
        <v>20</v>
      </c>
      <c r="F40" s="19"/>
      <c r="G40" s="18" t="s">
        <v>78</v>
      </c>
      <c r="H40" s="17"/>
      <c r="I40" s="13">
        <v>127</v>
      </c>
      <c r="J40" s="19">
        <v>62</v>
      </c>
      <c r="K40" s="19">
        <v>65</v>
      </c>
    </row>
    <row r="41" spans="1:11" ht="20.100000000000001" customHeight="1">
      <c r="A41" s="17" t="s">
        <v>79</v>
      </c>
      <c r="B41" s="17"/>
      <c r="C41" s="13">
        <v>296</v>
      </c>
      <c r="D41" s="14">
        <v>149</v>
      </c>
      <c r="E41" s="14">
        <v>147</v>
      </c>
      <c r="F41" s="14"/>
      <c r="G41" s="18" t="s">
        <v>80</v>
      </c>
      <c r="H41" s="17"/>
      <c r="I41" s="13">
        <v>485</v>
      </c>
      <c r="J41" s="14">
        <v>217</v>
      </c>
      <c r="K41" s="14">
        <v>268</v>
      </c>
    </row>
    <row r="42" spans="1:11" ht="15" customHeight="1">
      <c r="A42" s="17" t="s">
        <v>81</v>
      </c>
      <c r="B42" s="17"/>
      <c r="C42" s="13">
        <v>51</v>
      </c>
      <c r="D42" s="19">
        <v>27</v>
      </c>
      <c r="E42" s="19">
        <v>24</v>
      </c>
      <c r="F42" s="19"/>
      <c r="G42" s="18" t="s">
        <v>82</v>
      </c>
      <c r="H42" s="17"/>
      <c r="I42" s="13">
        <v>110</v>
      </c>
      <c r="J42" s="19">
        <v>45</v>
      </c>
      <c r="K42" s="19">
        <v>65</v>
      </c>
    </row>
    <row r="43" spans="1:11" ht="15" customHeight="1">
      <c r="A43" s="17" t="s">
        <v>83</v>
      </c>
      <c r="B43" s="17"/>
      <c r="C43" s="13">
        <v>48</v>
      </c>
      <c r="D43" s="19">
        <v>22</v>
      </c>
      <c r="E43" s="19">
        <v>26</v>
      </c>
      <c r="F43" s="19"/>
      <c r="G43" s="18" t="s">
        <v>84</v>
      </c>
      <c r="H43" s="17"/>
      <c r="I43" s="13">
        <v>119</v>
      </c>
      <c r="J43" s="19">
        <v>54</v>
      </c>
      <c r="K43" s="19">
        <v>65</v>
      </c>
    </row>
    <row r="44" spans="1:11" ht="15" customHeight="1">
      <c r="A44" s="17" t="s">
        <v>85</v>
      </c>
      <c r="B44" s="17"/>
      <c r="C44" s="13">
        <v>70</v>
      </c>
      <c r="D44" s="19">
        <v>34</v>
      </c>
      <c r="E44" s="19">
        <v>36</v>
      </c>
      <c r="F44" s="19"/>
      <c r="G44" s="18" t="s">
        <v>86</v>
      </c>
      <c r="H44" s="17"/>
      <c r="I44" s="13">
        <v>86</v>
      </c>
      <c r="J44" s="19">
        <v>46</v>
      </c>
      <c r="K44" s="19">
        <v>40</v>
      </c>
    </row>
    <row r="45" spans="1:11" ht="15" customHeight="1">
      <c r="A45" s="17" t="s">
        <v>87</v>
      </c>
      <c r="B45" s="17"/>
      <c r="C45" s="13">
        <v>55</v>
      </c>
      <c r="D45" s="19">
        <v>26</v>
      </c>
      <c r="E45" s="19">
        <v>29</v>
      </c>
      <c r="F45" s="19"/>
      <c r="G45" s="18" t="s">
        <v>88</v>
      </c>
      <c r="H45" s="17"/>
      <c r="I45" s="13">
        <v>76</v>
      </c>
      <c r="J45" s="19">
        <v>32</v>
      </c>
      <c r="K45" s="19">
        <v>44</v>
      </c>
    </row>
    <row r="46" spans="1:11" ht="15" customHeight="1">
      <c r="A46" s="17" t="s">
        <v>89</v>
      </c>
      <c r="B46" s="17"/>
      <c r="C46" s="13">
        <v>72</v>
      </c>
      <c r="D46" s="19">
        <v>40</v>
      </c>
      <c r="E46" s="19">
        <v>32</v>
      </c>
      <c r="F46" s="19"/>
      <c r="G46" s="18" t="s">
        <v>90</v>
      </c>
      <c r="H46" s="17"/>
      <c r="I46" s="13">
        <v>94</v>
      </c>
      <c r="J46" s="19">
        <v>40</v>
      </c>
      <c r="K46" s="19">
        <v>54</v>
      </c>
    </row>
    <row r="47" spans="1:11" ht="20.100000000000001" customHeight="1">
      <c r="A47" s="17" t="s">
        <v>91</v>
      </c>
      <c r="B47" s="17"/>
      <c r="C47" s="13">
        <v>394</v>
      </c>
      <c r="D47" s="14">
        <v>213</v>
      </c>
      <c r="E47" s="14">
        <v>181</v>
      </c>
      <c r="F47" s="14"/>
      <c r="G47" s="18" t="s">
        <v>92</v>
      </c>
      <c r="H47" s="17"/>
      <c r="I47" s="13">
        <v>272</v>
      </c>
      <c r="J47" s="14">
        <v>116</v>
      </c>
      <c r="K47" s="14">
        <v>156</v>
      </c>
    </row>
    <row r="48" spans="1:11" ht="15" customHeight="1">
      <c r="A48" s="17" t="s">
        <v>93</v>
      </c>
      <c r="B48" s="17"/>
      <c r="C48" s="13">
        <v>70</v>
      </c>
      <c r="D48" s="19">
        <v>39</v>
      </c>
      <c r="E48" s="19">
        <v>31</v>
      </c>
      <c r="F48" s="19"/>
      <c r="G48" s="18" t="s">
        <v>94</v>
      </c>
      <c r="H48" s="17"/>
      <c r="I48" s="13">
        <v>67</v>
      </c>
      <c r="J48" s="19">
        <v>32</v>
      </c>
      <c r="K48" s="19">
        <v>35</v>
      </c>
    </row>
    <row r="49" spans="1:11" ht="15" customHeight="1">
      <c r="A49" s="17" t="s">
        <v>95</v>
      </c>
      <c r="B49" s="17"/>
      <c r="C49" s="13">
        <v>76</v>
      </c>
      <c r="D49" s="19">
        <v>43</v>
      </c>
      <c r="E49" s="19">
        <v>33</v>
      </c>
      <c r="F49" s="19"/>
      <c r="G49" s="18" t="s">
        <v>96</v>
      </c>
      <c r="H49" s="17"/>
      <c r="I49" s="13">
        <v>66</v>
      </c>
      <c r="J49" s="19">
        <v>22</v>
      </c>
      <c r="K49" s="19">
        <v>44</v>
      </c>
    </row>
    <row r="50" spans="1:11" ht="15" customHeight="1">
      <c r="A50" s="17" t="s">
        <v>97</v>
      </c>
      <c r="B50" s="17"/>
      <c r="C50" s="13">
        <v>66</v>
      </c>
      <c r="D50" s="19">
        <v>37</v>
      </c>
      <c r="E50" s="19">
        <v>29</v>
      </c>
      <c r="F50" s="19"/>
      <c r="G50" s="18" t="s">
        <v>98</v>
      </c>
      <c r="H50" s="17"/>
      <c r="I50" s="13">
        <v>36</v>
      </c>
      <c r="J50" s="19">
        <v>16</v>
      </c>
      <c r="K50" s="19">
        <v>20</v>
      </c>
    </row>
    <row r="51" spans="1:11" ht="15" customHeight="1">
      <c r="A51" s="17" t="s">
        <v>99</v>
      </c>
      <c r="B51" s="17"/>
      <c r="C51" s="13">
        <v>95</v>
      </c>
      <c r="D51" s="19">
        <v>49</v>
      </c>
      <c r="E51" s="19">
        <v>46</v>
      </c>
      <c r="F51" s="19"/>
      <c r="G51" s="18" t="s">
        <v>100</v>
      </c>
      <c r="H51" s="17"/>
      <c r="I51" s="13">
        <v>50</v>
      </c>
      <c r="J51" s="19">
        <v>24</v>
      </c>
      <c r="K51" s="19">
        <v>26</v>
      </c>
    </row>
    <row r="52" spans="1:11" ht="15" customHeight="1">
      <c r="A52" s="17" t="s">
        <v>101</v>
      </c>
      <c r="B52" s="17"/>
      <c r="C52" s="13">
        <v>87</v>
      </c>
      <c r="D52" s="19">
        <v>45</v>
      </c>
      <c r="E52" s="19">
        <v>42</v>
      </c>
      <c r="F52" s="19"/>
      <c r="G52" s="18" t="s">
        <v>102</v>
      </c>
      <c r="H52" s="17"/>
      <c r="I52" s="13">
        <v>53</v>
      </c>
      <c r="J52" s="19">
        <v>22</v>
      </c>
      <c r="K52" s="19">
        <v>31</v>
      </c>
    </row>
    <row r="53" spans="1:11" ht="20.100000000000001" customHeight="1">
      <c r="A53" s="17" t="s">
        <v>103</v>
      </c>
      <c r="B53" s="17"/>
      <c r="C53" s="13">
        <v>546</v>
      </c>
      <c r="D53" s="14">
        <v>308</v>
      </c>
      <c r="E53" s="14">
        <v>238</v>
      </c>
      <c r="F53" s="14"/>
      <c r="G53" s="18" t="s">
        <v>104</v>
      </c>
      <c r="H53" s="17"/>
      <c r="I53" s="13">
        <v>165</v>
      </c>
      <c r="J53" s="14">
        <v>53</v>
      </c>
      <c r="K53" s="14">
        <v>112</v>
      </c>
    </row>
    <row r="54" spans="1:11" ht="15" customHeight="1">
      <c r="A54" s="17" t="s">
        <v>105</v>
      </c>
      <c r="B54" s="17"/>
      <c r="C54" s="13">
        <v>96</v>
      </c>
      <c r="D54" s="19">
        <v>55</v>
      </c>
      <c r="E54" s="19">
        <v>41</v>
      </c>
      <c r="F54" s="19"/>
      <c r="G54" s="18" t="s">
        <v>106</v>
      </c>
      <c r="H54" s="17"/>
      <c r="I54" s="13">
        <v>33</v>
      </c>
      <c r="J54" s="19">
        <v>11</v>
      </c>
      <c r="K54" s="19">
        <v>22</v>
      </c>
    </row>
    <row r="55" spans="1:11" ht="15" customHeight="1">
      <c r="A55" s="17" t="s">
        <v>107</v>
      </c>
      <c r="B55" s="17"/>
      <c r="C55" s="13">
        <v>100</v>
      </c>
      <c r="D55" s="19">
        <v>56</v>
      </c>
      <c r="E55" s="19">
        <v>44</v>
      </c>
      <c r="F55" s="19"/>
      <c r="G55" s="18" t="s">
        <v>108</v>
      </c>
      <c r="H55" s="17"/>
      <c r="I55" s="13">
        <v>40</v>
      </c>
      <c r="J55" s="19">
        <v>13</v>
      </c>
      <c r="K55" s="19">
        <v>27</v>
      </c>
    </row>
    <row r="56" spans="1:11" ht="15" customHeight="1">
      <c r="A56" s="17" t="s">
        <v>109</v>
      </c>
      <c r="B56" s="17"/>
      <c r="C56" s="13">
        <v>94</v>
      </c>
      <c r="D56" s="19">
        <v>54</v>
      </c>
      <c r="E56" s="19">
        <v>40</v>
      </c>
      <c r="F56" s="19"/>
      <c r="G56" s="18" t="s">
        <v>110</v>
      </c>
      <c r="H56" s="17"/>
      <c r="I56" s="13">
        <v>34</v>
      </c>
      <c r="J56" s="19">
        <v>12</v>
      </c>
      <c r="K56" s="19">
        <v>22</v>
      </c>
    </row>
    <row r="57" spans="1:11" ht="15" customHeight="1">
      <c r="A57" s="17" t="s">
        <v>111</v>
      </c>
      <c r="B57" s="17"/>
      <c r="C57" s="13">
        <v>125</v>
      </c>
      <c r="D57" s="19">
        <v>68</v>
      </c>
      <c r="E57" s="19">
        <v>57</v>
      </c>
      <c r="F57" s="19"/>
      <c r="G57" s="18" t="s">
        <v>112</v>
      </c>
      <c r="H57" s="17"/>
      <c r="I57" s="13">
        <v>30</v>
      </c>
      <c r="J57" s="19">
        <v>11</v>
      </c>
      <c r="K57" s="19">
        <v>19</v>
      </c>
    </row>
    <row r="58" spans="1:11" ht="15" customHeight="1">
      <c r="A58" s="17" t="s">
        <v>113</v>
      </c>
      <c r="B58" s="17"/>
      <c r="C58" s="13">
        <v>131</v>
      </c>
      <c r="D58" s="19">
        <v>75</v>
      </c>
      <c r="E58" s="19">
        <v>56</v>
      </c>
      <c r="F58" s="19"/>
      <c r="G58" s="18" t="s">
        <v>114</v>
      </c>
      <c r="H58" s="17"/>
      <c r="I58" s="13">
        <v>28</v>
      </c>
      <c r="J58" s="19">
        <v>6</v>
      </c>
      <c r="K58" s="19">
        <v>22</v>
      </c>
    </row>
    <row r="59" spans="1:11" ht="20.100000000000001" customHeight="1">
      <c r="A59" s="17" t="s">
        <v>115</v>
      </c>
      <c r="B59" s="17"/>
      <c r="C59" s="13">
        <v>716</v>
      </c>
      <c r="D59" s="14">
        <v>360</v>
      </c>
      <c r="E59" s="14">
        <v>356</v>
      </c>
      <c r="F59" s="14"/>
      <c r="G59" s="18" t="s">
        <v>116</v>
      </c>
      <c r="H59" s="17"/>
      <c r="I59" s="13">
        <v>62</v>
      </c>
      <c r="J59" s="14">
        <v>9</v>
      </c>
      <c r="K59" s="14">
        <v>53</v>
      </c>
    </row>
    <row r="60" spans="1:11" ht="15" customHeight="1">
      <c r="A60" s="17" t="s">
        <v>117</v>
      </c>
      <c r="B60" s="17"/>
      <c r="C60" s="13">
        <v>140</v>
      </c>
      <c r="D60" s="19">
        <v>65</v>
      </c>
      <c r="E60" s="19">
        <v>75</v>
      </c>
      <c r="F60" s="19"/>
      <c r="G60" s="18" t="s">
        <v>118</v>
      </c>
      <c r="H60" s="17"/>
      <c r="I60" s="13">
        <v>19</v>
      </c>
      <c r="J60" s="19">
        <v>4</v>
      </c>
      <c r="K60" s="19">
        <v>15</v>
      </c>
    </row>
    <row r="61" spans="1:11" ht="15" customHeight="1">
      <c r="A61" s="17" t="s">
        <v>119</v>
      </c>
      <c r="B61" s="17"/>
      <c r="C61" s="13">
        <v>123</v>
      </c>
      <c r="D61" s="19">
        <v>58</v>
      </c>
      <c r="E61" s="19">
        <v>65</v>
      </c>
      <c r="F61" s="19"/>
      <c r="G61" s="18" t="s">
        <v>120</v>
      </c>
      <c r="H61" s="17"/>
      <c r="I61" s="13">
        <v>10</v>
      </c>
      <c r="J61" s="19">
        <v>1</v>
      </c>
      <c r="K61" s="19">
        <v>9</v>
      </c>
    </row>
    <row r="62" spans="1:11" ht="15" customHeight="1">
      <c r="A62" s="17" t="s">
        <v>121</v>
      </c>
      <c r="B62" s="17"/>
      <c r="C62" s="13">
        <v>147</v>
      </c>
      <c r="D62" s="19">
        <v>71</v>
      </c>
      <c r="E62" s="19">
        <v>76</v>
      </c>
      <c r="F62" s="19"/>
      <c r="G62" s="18" t="s">
        <v>122</v>
      </c>
      <c r="H62" s="17"/>
      <c r="I62" s="13">
        <v>19</v>
      </c>
      <c r="J62" s="19">
        <v>2</v>
      </c>
      <c r="K62" s="19">
        <v>17</v>
      </c>
    </row>
    <row r="63" spans="1:11" ht="15" customHeight="1">
      <c r="A63" s="17" t="s">
        <v>123</v>
      </c>
      <c r="B63" s="17"/>
      <c r="C63" s="13">
        <v>146</v>
      </c>
      <c r="D63" s="19">
        <v>77</v>
      </c>
      <c r="E63" s="19">
        <v>69</v>
      </c>
      <c r="F63" s="19"/>
      <c r="G63" s="18" t="s">
        <v>124</v>
      </c>
      <c r="H63" s="17"/>
      <c r="I63" s="13">
        <v>8</v>
      </c>
      <c r="J63" s="19">
        <v>1</v>
      </c>
      <c r="K63" s="19">
        <v>7</v>
      </c>
    </row>
    <row r="64" spans="1:11" ht="15" customHeight="1">
      <c r="A64" s="17" t="s">
        <v>125</v>
      </c>
      <c r="B64" s="17"/>
      <c r="C64" s="13">
        <v>160</v>
      </c>
      <c r="D64" s="19">
        <v>89</v>
      </c>
      <c r="E64" s="19">
        <v>71</v>
      </c>
      <c r="F64" s="19"/>
      <c r="G64" s="18" t="s">
        <v>126</v>
      </c>
      <c r="H64" s="17"/>
      <c r="I64" s="13">
        <v>6</v>
      </c>
      <c r="J64" s="19">
        <v>1</v>
      </c>
      <c r="K64" s="19">
        <v>5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3</v>
      </c>
      <c r="J65" s="19">
        <v>1</v>
      </c>
      <c r="K65" s="19">
        <v>12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322</v>
      </c>
      <c r="J66" s="27">
        <v>203</v>
      </c>
      <c r="K66" s="27">
        <v>119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7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50271</v>
      </c>
      <c r="D4" s="14">
        <v>76475</v>
      </c>
      <c r="E4" s="14">
        <v>73796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4119</v>
      </c>
      <c r="D5" s="14">
        <v>2157</v>
      </c>
      <c r="E5" s="14">
        <v>1962</v>
      </c>
      <c r="F5" s="14"/>
      <c r="G5" s="18" t="s">
        <v>8</v>
      </c>
      <c r="H5" s="17"/>
      <c r="I5" s="13">
        <v>13824</v>
      </c>
      <c r="J5" s="14">
        <v>7182</v>
      </c>
      <c r="K5" s="14">
        <v>6642</v>
      </c>
    </row>
    <row r="6" spans="1:11" ht="15" customHeight="1">
      <c r="A6" s="17" t="s">
        <v>9</v>
      </c>
      <c r="B6" s="17"/>
      <c r="C6" s="13">
        <v>808</v>
      </c>
      <c r="D6" s="19">
        <v>435</v>
      </c>
      <c r="E6" s="19">
        <v>373</v>
      </c>
      <c r="F6" s="19"/>
      <c r="G6" s="18" t="s">
        <v>10</v>
      </c>
      <c r="H6" s="17"/>
      <c r="I6" s="13">
        <v>2679</v>
      </c>
      <c r="J6" s="19">
        <v>1338</v>
      </c>
      <c r="K6" s="19">
        <v>1341</v>
      </c>
    </row>
    <row r="7" spans="1:11" ht="15" customHeight="1">
      <c r="A7" s="17" t="s">
        <v>11</v>
      </c>
      <c r="B7" s="17"/>
      <c r="C7" s="13">
        <v>738</v>
      </c>
      <c r="D7" s="19">
        <v>383</v>
      </c>
      <c r="E7" s="19">
        <v>355</v>
      </c>
      <c r="F7" s="19"/>
      <c r="G7" s="18" t="s">
        <v>12</v>
      </c>
      <c r="H7" s="17"/>
      <c r="I7" s="13">
        <v>2762</v>
      </c>
      <c r="J7" s="19">
        <v>1391</v>
      </c>
      <c r="K7" s="19">
        <v>1371</v>
      </c>
    </row>
    <row r="8" spans="1:11" ht="15" customHeight="1">
      <c r="A8" s="17" t="s">
        <v>13</v>
      </c>
      <c r="B8" s="17"/>
      <c r="C8" s="13">
        <v>822</v>
      </c>
      <c r="D8" s="19">
        <v>408</v>
      </c>
      <c r="E8" s="19">
        <v>414</v>
      </c>
      <c r="F8" s="19"/>
      <c r="G8" s="18" t="s">
        <v>14</v>
      </c>
      <c r="H8" s="17"/>
      <c r="I8" s="13">
        <v>2782</v>
      </c>
      <c r="J8" s="19">
        <v>1470</v>
      </c>
      <c r="K8" s="19">
        <v>1312</v>
      </c>
    </row>
    <row r="9" spans="1:11" ht="15" customHeight="1">
      <c r="A9" s="17" t="s">
        <v>15</v>
      </c>
      <c r="B9" s="17"/>
      <c r="C9" s="13">
        <v>879</v>
      </c>
      <c r="D9" s="19">
        <v>473</v>
      </c>
      <c r="E9" s="19">
        <v>406</v>
      </c>
      <c r="F9" s="19"/>
      <c r="G9" s="18" t="s">
        <v>16</v>
      </c>
      <c r="H9" s="17"/>
      <c r="I9" s="13">
        <v>2738</v>
      </c>
      <c r="J9" s="19">
        <v>1419</v>
      </c>
      <c r="K9" s="19">
        <v>1319</v>
      </c>
    </row>
    <row r="10" spans="1:11" ht="15" customHeight="1">
      <c r="A10" s="17" t="s">
        <v>17</v>
      </c>
      <c r="B10" s="17"/>
      <c r="C10" s="13">
        <v>872</v>
      </c>
      <c r="D10" s="19">
        <v>458</v>
      </c>
      <c r="E10" s="19">
        <v>414</v>
      </c>
      <c r="F10" s="19"/>
      <c r="G10" s="18" t="s">
        <v>18</v>
      </c>
      <c r="H10" s="17"/>
      <c r="I10" s="13">
        <v>2863</v>
      </c>
      <c r="J10" s="19">
        <v>1564</v>
      </c>
      <c r="K10" s="19">
        <v>1299</v>
      </c>
    </row>
    <row r="11" spans="1:11" ht="20.100000000000001" customHeight="1">
      <c r="A11" s="17" t="s">
        <v>19</v>
      </c>
      <c r="B11" s="17"/>
      <c r="C11" s="13">
        <v>4953</v>
      </c>
      <c r="D11" s="14">
        <v>2571</v>
      </c>
      <c r="E11" s="14">
        <v>2382</v>
      </c>
      <c r="F11" s="14"/>
      <c r="G11" s="18" t="s">
        <v>20</v>
      </c>
      <c r="H11" s="17"/>
      <c r="I11" s="13">
        <v>11391</v>
      </c>
      <c r="J11" s="14">
        <v>6197</v>
      </c>
      <c r="K11" s="14">
        <v>5194</v>
      </c>
    </row>
    <row r="12" spans="1:11" ht="15" customHeight="1">
      <c r="A12" s="17" t="s">
        <v>21</v>
      </c>
      <c r="B12" s="17"/>
      <c r="C12" s="13">
        <v>969</v>
      </c>
      <c r="D12" s="19">
        <v>517</v>
      </c>
      <c r="E12" s="19">
        <v>452</v>
      </c>
      <c r="F12" s="19"/>
      <c r="G12" s="18" t="s">
        <v>22</v>
      </c>
      <c r="H12" s="17"/>
      <c r="I12" s="13">
        <v>2069</v>
      </c>
      <c r="J12" s="19">
        <v>1104</v>
      </c>
      <c r="K12" s="19">
        <v>965</v>
      </c>
    </row>
    <row r="13" spans="1:11" ht="15" customHeight="1">
      <c r="A13" s="17" t="s">
        <v>23</v>
      </c>
      <c r="B13" s="17"/>
      <c r="C13" s="13">
        <v>1031</v>
      </c>
      <c r="D13" s="19">
        <v>518</v>
      </c>
      <c r="E13" s="19">
        <v>513</v>
      </c>
      <c r="F13" s="19"/>
      <c r="G13" s="18" t="s">
        <v>24</v>
      </c>
      <c r="H13" s="17"/>
      <c r="I13" s="13">
        <v>2607</v>
      </c>
      <c r="J13" s="19">
        <v>1380</v>
      </c>
      <c r="K13" s="19">
        <v>1227</v>
      </c>
    </row>
    <row r="14" spans="1:11" ht="15" customHeight="1">
      <c r="A14" s="17" t="s">
        <v>25</v>
      </c>
      <c r="B14" s="17"/>
      <c r="C14" s="13">
        <v>962</v>
      </c>
      <c r="D14" s="19">
        <v>490</v>
      </c>
      <c r="E14" s="19">
        <v>472</v>
      </c>
      <c r="F14" s="19"/>
      <c r="G14" s="18" t="s">
        <v>26</v>
      </c>
      <c r="H14" s="17"/>
      <c r="I14" s="13">
        <v>2407</v>
      </c>
      <c r="J14" s="19">
        <v>1372</v>
      </c>
      <c r="K14" s="19">
        <v>1035</v>
      </c>
    </row>
    <row r="15" spans="1:11" ht="15" customHeight="1">
      <c r="A15" s="17" t="s">
        <v>27</v>
      </c>
      <c r="B15" s="17"/>
      <c r="C15" s="13">
        <v>975</v>
      </c>
      <c r="D15" s="19">
        <v>517</v>
      </c>
      <c r="E15" s="19">
        <v>458</v>
      </c>
      <c r="F15" s="19"/>
      <c r="G15" s="18" t="s">
        <v>28</v>
      </c>
      <c r="H15" s="17"/>
      <c r="I15" s="13">
        <v>2262</v>
      </c>
      <c r="J15" s="19">
        <v>1235</v>
      </c>
      <c r="K15" s="19">
        <v>1027</v>
      </c>
    </row>
    <row r="16" spans="1:11" ht="15" customHeight="1">
      <c r="A16" s="17" t="s">
        <v>29</v>
      </c>
      <c r="B16" s="17"/>
      <c r="C16" s="13">
        <v>1016</v>
      </c>
      <c r="D16" s="19">
        <v>529</v>
      </c>
      <c r="E16" s="19">
        <v>487</v>
      </c>
      <c r="F16" s="19"/>
      <c r="G16" s="18" t="s">
        <v>30</v>
      </c>
      <c r="H16" s="17"/>
      <c r="I16" s="13">
        <v>2046</v>
      </c>
      <c r="J16" s="19">
        <v>1106</v>
      </c>
      <c r="K16" s="19">
        <v>940</v>
      </c>
    </row>
    <row r="17" spans="1:11" ht="20.100000000000001" customHeight="1">
      <c r="A17" s="20" t="s">
        <v>31</v>
      </c>
      <c r="B17" s="20"/>
      <c r="C17" s="13">
        <v>5225</v>
      </c>
      <c r="D17" s="14">
        <v>2670</v>
      </c>
      <c r="E17" s="14">
        <v>2555</v>
      </c>
      <c r="F17" s="14"/>
      <c r="G17" s="18" t="s">
        <v>32</v>
      </c>
      <c r="H17" s="17"/>
      <c r="I17" s="13">
        <v>9040</v>
      </c>
      <c r="J17" s="14">
        <v>4985</v>
      </c>
      <c r="K17" s="14">
        <v>4055</v>
      </c>
    </row>
    <row r="18" spans="1:11" ht="15" customHeight="1">
      <c r="A18" s="17" t="s">
        <v>33</v>
      </c>
      <c r="B18" s="17"/>
      <c r="C18" s="13">
        <v>949</v>
      </c>
      <c r="D18" s="19">
        <v>483</v>
      </c>
      <c r="E18" s="19">
        <v>466</v>
      </c>
      <c r="F18" s="19"/>
      <c r="G18" s="18" t="s">
        <v>34</v>
      </c>
      <c r="H18" s="17"/>
      <c r="I18" s="13">
        <v>1946</v>
      </c>
      <c r="J18" s="19">
        <v>1070</v>
      </c>
      <c r="K18" s="19">
        <v>876</v>
      </c>
    </row>
    <row r="19" spans="1:11" ht="15" customHeight="1">
      <c r="A19" s="17" t="s">
        <v>35</v>
      </c>
      <c r="B19" s="17"/>
      <c r="C19" s="13">
        <v>1122</v>
      </c>
      <c r="D19" s="19">
        <v>581</v>
      </c>
      <c r="E19" s="19">
        <v>541</v>
      </c>
      <c r="F19" s="19"/>
      <c r="G19" s="18" t="s">
        <v>36</v>
      </c>
      <c r="H19" s="17"/>
      <c r="I19" s="13">
        <v>1845</v>
      </c>
      <c r="J19" s="19">
        <v>989</v>
      </c>
      <c r="K19" s="19">
        <v>856</v>
      </c>
    </row>
    <row r="20" spans="1:11" ht="15" customHeight="1">
      <c r="A20" s="17" t="s">
        <v>37</v>
      </c>
      <c r="B20" s="17"/>
      <c r="C20" s="13">
        <v>1026</v>
      </c>
      <c r="D20" s="19">
        <v>529</v>
      </c>
      <c r="E20" s="19">
        <v>497</v>
      </c>
      <c r="F20" s="19"/>
      <c r="G20" s="18" t="s">
        <v>38</v>
      </c>
      <c r="H20" s="17"/>
      <c r="I20" s="13">
        <v>1898</v>
      </c>
      <c r="J20" s="19">
        <v>1081</v>
      </c>
      <c r="K20" s="19">
        <v>817</v>
      </c>
    </row>
    <row r="21" spans="1:11" ht="15" customHeight="1">
      <c r="A21" s="17" t="s">
        <v>39</v>
      </c>
      <c r="B21" s="17"/>
      <c r="C21" s="13">
        <v>1042</v>
      </c>
      <c r="D21" s="19">
        <v>543</v>
      </c>
      <c r="E21" s="19">
        <v>499</v>
      </c>
      <c r="F21" s="19"/>
      <c r="G21" s="18" t="s">
        <v>40</v>
      </c>
      <c r="H21" s="17"/>
      <c r="I21" s="13">
        <v>1745</v>
      </c>
      <c r="J21" s="19">
        <v>946</v>
      </c>
      <c r="K21" s="19">
        <v>799</v>
      </c>
    </row>
    <row r="22" spans="1:11" ht="15" customHeight="1">
      <c r="A22" s="17" t="s">
        <v>41</v>
      </c>
      <c r="B22" s="17"/>
      <c r="C22" s="13">
        <v>1086</v>
      </c>
      <c r="D22" s="19">
        <v>534</v>
      </c>
      <c r="E22" s="19">
        <v>552</v>
      </c>
      <c r="F22" s="19"/>
      <c r="G22" s="18" t="s">
        <v>42</v>
      </c>
      <c r="H22" s="17"/>
      <c r="I22" s="13">
        <v>1606</v>
      </c>
      <c r="J22" s="19">
        <v>899</v>
      </c>
      <c r="K22" s="19">
        <v>707</v>
      </c>
    </row>
    <row r="23" spans="1:11" ht="20.100000000000001" customHeight="1">
      <c r="A23" s="17" t="s">
        <v>43</v>
      </c>
      <c r="B23" s="17"/>
      <c r="C23" s="13">
        <v>5072</v>
      </c>
      <c r="D23" s="14">
        <v>2563</v>
      </c>
      <c r="E23" s="14">
        <v>2509</v>
      </c>
      <c r="F23" s="14"/>
      <c r="G23" s="18" t="s">
        <v>44</v>
      </c>
      <c r="H23" s="17"/>
      <c r="I23" s="13">
        <v>7929</v>
      </c>
      <c r="J23" s="14">
        <v>4475</v>
      </c>
      <c r="K23" s="14">
        <v>3454</v>
      </c>
    </row>
    <row r="24" spans="1:11" ht="15" customHeight="1">
      <c r="A24" s="17" t="s">
        <v>45</v>
      </c>
      <c r="B24" s="17"/>
      <c r="C24" s="13">
        <v>1048</v>
      </c>
      <c r="D24" s="19">
        <v>557</v>
      </c>
      <c r="E24" s="19">
        <v>491</v>
      </c>
      <c r="F24" s="19"/>
      <c r="G24" s="18" t="s">
        <v>46</v>
      </c>
      <c r="H24" s="17"/>
      <c r="I24" s="13">
        <v>1541</v>
      </c>
      <c r="J24" s="19">
        <v>859</v>
      </c>
      <c r="K24" s="19">
        <v>682</v>
      </c>
    </row>
    <row r="25" spans="1:11" ht="15" customHeight="1">
      <c r="A25" s="17" t="s">
        <v>47</v>
      </c>
      <c r="B25" s="17"/>
      <c r="C25" s="13">
        <v>1002</v>
      </c>
      <c r="D25" s="19">
        <v>531</v>
      </c>
      <c r="E25" s="19">
        <v>471</v>
      </c>
      <c r="F25" s="19"/>
      <c r="G25" s="18" t="s">
        <v>48</v>
      </c>
      <c r="H25" s="17"/>
      <c r="I25" s="13">
        <v>1607</v>
      </c>
      <c r="J25" s="19">
        <v>895</v>
      </c>
      <c r="K25" s="19">
        <v>712</v>
      </c>
    </row>
    <row r="26" spans="1:11" ht="15" customHeight="1">
      <c r="A26" s="17" t="s">
        <v>49</v>
      </c>
      <c r="B26" s="17"/>
      <c r="C26" s="13">
        <v>977</v>
      </c>
      <c r="D26" s="19">
        <v>489</v>
      </c>
      <c r="E26" s="19">
        <v>488</v>
      </c>
      <c r="F26" s="19"/>
      <c r="G26" s="18" t="s">
        <v>50</v>
      </c>
      <c r="H26" s="17"/>
      <c r="I26" s="13">
        <v>1509</v>
      </c>
      <c r="J26" s="19">
        <v>855</v>
      </c>
      <c r="K26" s="19">
        <v>654</v>
      </c>
    </row>
    <row r="27" spans="1:11" ht="15" customHeight="1">
      <c r="A27" s="17" t="s">
        <v>51</v>
      </c>
      <c r="B27" s="17"/>
      <c r="C27" s="13">
        <v>989</v>
      </c>
      <c r="D27" s="19">
        <v>490</v>
      </c>
      <c r="E27" s="19">
        <v>499</v>
      </c>
      <c r="F27" s="19"/>
      <c r="G27" s="18" t="s">
        <v>52</v>
      </c>
      <c r="H27" s="17"/>
      <c r="I27" s="13">
        <v>1607</v>
      </c>
      <c r="J27" s="19">
        <v>898</v>
      </c>
      <c r="K27" s="19">
        <v>709</v>
      </c>
    </row>
    <row r="28" spans="1:11" ht="15" customHeight="1">
      <c r="A28" s="17" t="s">
        <v>53</v>
      </c>
      <c r="B28" s="17"/>
      <c r="C28" s="13">
        <v>1056</v>
      </c>
      <c r="D28" s="19">
        <v>496</v>
      </c>
      <c r="E28" s="19">
        <v>560</v>
      </c>
      <c r="F28" s="19"/>
      <c r="G28" s="18" t="s">
        <v>54</v>
      </c>
      <c r="H28" s="17"/>
      <c r="I28" s="13">
        <v>1665</v>
      </c>
      <c r="J28" s="19">
        <v>968</v>
      </c>
      <c r="K28" s="19">
        <v>697</v>
      </c>
    </row>
    <row r="29" spans="1:11" ht="20.100000000000001" customHeight="1">
      <c r="A29" s="17" t="s">
        <v>55</v>
      </c>
      <c r="B29" s="17"/>
      <c r="C29" s="13">
        <v>6293</v>
      </c>
      <c r="D29" s="14">
        <v>3133</v>
      </c>
      <c r="E29" s="14">
        <v>3160</v>
      </c>
      <c r="F29" s="14"/>
      <c r="G29" s="18" t="s">
        <v>56</v>
      </c>
      <c r="H29" s="17"/>
      <c r="I29" s="13">
        <v>9485</v>
      </c>
      <c r="J29" s="14">
        <v>5179</v>
      </c>
      <c r="K29" s="14">
        <v>4306</v>
      </c>
    </row>
    <row r="30" spans="1:11" ht="15" customHeight="1">
      <c r="A30" s="17" t="s">
        <v>57</v>
      </c>
      <c r="B30" s="17"/>
      <c r="C30" s="13">
        <v>1100</v>
      </c>
      <c r="D30" s="19">
        <v>561</v>
      </c>
      <c r="E30" s="19">
        <v>539</v>
      </c>
      <c r="F30" s="19"/>
      <c r="G30" s="18" t="s">
        <v>58</v>
      </c>
      <c r="H30" s="17"/>
      <c r="I30" s="13">
        <v>1630</v>
      </c>
      <c r="J30" s="19">
        <v>906</v>
      </c>
      <c r="K30" s="19">
        <v>724</v>
      </c>
    </row>
    <row r="31" spans="1:11" ht="15" customHeight="1">
      <c r="A31" s="17" t="s">
        <v>59</v>
      </c>
      <c r="B31" s="17"/>
      <c r="C31" s="13">
        <v>1167</v>
      </c>
      <c r="D31" s="19">
        <v>567</v>
      </c>
      <c r="E31" s="19">
        <v>600</v>
      </c>
      <c r="F31" s="19"/>
      <c r="G31" s="18" t="s">
        <v>60</v>
      </c>
      <c r="H31" s="17"/>
      <c r="I31" s="13">
        <v>1779</v>
      </c>
      <c r="J31" s="19">
        <v>1023</v>
      </c>
      <c r="K31" s="19">
        <v>756</v>
      </c>
    </row>
    <row r="32" spans="1:11" ht="15" customHeight="1">
      <c r="A32" s="17" t="s">
        <v>61</v>
      </c>
      <c r="B32" s="17"/>
      <c r="C32" s="13">
        <v>1224</v>
      </c>
      <c r="D32" s="19">
        <v>609</v>
      </c>
      <c r="E32" s="19">
        <v>615</v>
      </c>
      <c r="F32" s="19"/>
      <c r="G32" s="18" t="s">
        <v>62</v>
      </c>
      <c r="H32" s="17"/>
      <c r="I32" s="13">
        <v>2025</v>
      </c>
      <c r="J32" s="19">
        <v>1072</v>
      </c>
      <c r="K32" s="19">
        <v>953</v>
      </c>
    </row>
    <row r="33" spans="1:11" ht="15" customHeight="1">
      <c r="A33" s="17" t="s">
        <v>63</v>
      </c>
      <c r="B33" s="17"/>
      <c r="C33" s="13">
        <v>1397</v>
      </c>
      <c r="D33" s="19">
        <v>685</v>
      </c>
      <c r="E33" s="19">
        <v>712</v>
      </c>
      <c r="F33" s="19"/>
      <c r="G33" s="18" t="s">
        <v>64</v>
      </c>
      <c r="H33" s="17"/>
      <c r="I33" s="13">
        <v>2007</v>
      </c>
      <c r="J33" s="19">
        <v>1078</v>
      </c>
      <c r="K33" s="19">
        <v>929</v>
      </c>
    </row>
    <row r="34" spans="1:11" ht="15" customHeight="1">
      <c r="A34" s="17" t="s">
        <v>65</v>
      </c>
      <c r="B34" s="17"/>
      <c r="C34" s="13">
        <v>1405</v>
      </c>
      <c r="D34" s="19">
        <v>711</v>
      </c>
      <c r="E34" s="19">
        <v>694</v>
      </c>
      <c r="F34" s="19"/>
      <c r="G34" s="18" t="s">
        <v>66</v>
      </c>
      <c r="H34" s="17"/>
      <c r="I34" s="13">
        <v>2044</v>
      </c>
      <c r="J34" s="19">
        <v>1100</v>
      </c>
      <c r="K34" s="19">
        <v>944</v>
      </c>
    </row>
    <row r="35" spans="1:11" ht="20.100000000000001" customHeight="1">
      <c r="A35" s="17" t="s">
        <v>67</v>
      </c>
      <c r="B35" s="17"/>
      <c r="C35" s="13">
        <v>7385</v>
      </c>
      <c r="D35" s="14">
        <v>3861</v>
      </c>
      <c r="E35" s="14">
        <v>3524</v>
      </c>
      <c r="F35" s="14"/>
      <c r="G35" s="18" t="s">
        <v>68</v>
      </c>
      <c r="H35" s="17"/>
      <c r="I35" s="13">
        <v>6353</v>
      </c>
      <c r="J35" s="14">
        <v>3257</v>
      </c>
      <c r="K35" s="14">
        <v>3096</v>
      </c>
    </row>
    <row r="36" spans="1:11" ht="15" customHeight="1">
      <c r="A36" s="17" t="s">
        <v>69</v>
      </c>
      <c r="B36" s="17"/>
      <c r="C36" s="13">
        <v>1491</v>
      </c>
      <c r="D36" s="19">
        <v>788</v>
      </c>
      <c r="E36" s="19">
        <v>703</v>
      </c>
      <c r="F36" s="19"/>
      <c r="G36" s="18" t="s">
        <v>70</v>
      </c>
      <c r="H36" s="17"/>
      <c r="I36" s="13">
        <v>1274</v>
      </c>
      <c r="J36" s="19">
        <v>684</v>
      </c>
      <c r="K36" s="19">
        <v>590</v>
      </c>
    </row>
    <row r="37" spans="1:11" ht="15" customHeight="1">
      <c r="A37" s="17" t="s">
        <v>71</v>
      </c>
      <c r="B37" s="17"/>
      <c r="C37" s="13">
        <v>1574</v>
      </c>
      <c r="D37" s="19">
        <v>849</v>
      </c>
      <c r="E37" s="19">
        <v>725</v>
      </c>
      <c r="F37" s="19"/>
      <c r="G37" s="18" t="s">
        <v>72</v>
      </c>
      <c r="H37" s="17"/>
      <c r="I37" s="13">
        <v>1190</v>
      </c>
      <c r="J37" s="19">
        <v>597</v>
      </c>
      <c r="K37" s="19">
        <v>593</v>
      </c>
    </row>
    <row r="38" spans="1:11" ht="15" customHeight="1">
      <c r="A38" s="17" t="s">
        <v>73</v>
      </c>
      <c r="B38" s="17"/>
      <c r="C38" s="13">
        <v>1458</v>
      </c>
      <c r="D38" s="19">
        <v>738</v>
      </c>
      <c r="E38" s="19">
        <v>720</v>
      </c>
      <c r="F38" s="19"/>
      <c r="G38" s="18" t="s">
        <v>74</v>
      </c>
      <c r="H38" s="17"/>
      <c r="I38" s="13">
        <v>1311</v>
      </c>
      <c r="J38" s="19">
        <v>690</v>
      </c>
      <c r="K38" s="19">
        <v>621</v>
      </c>
    </row>
    <row r="39" spans="1:11" ht="15" customHeight="1">
      <c r="A39" s="17" t="s">
        <v>75</v>
      </c>
      <c r="B39" s="17"/>
      <c r="C39" s="13">
        <v>1451</v>
      </c>
      <c r="D39" s="19">
        <v>733</v>
      </c>
      <c r="E39" s="19">
        <v>718</v>
      </c>
      <c r="F39" s="19"/>
      <c r="G39" s="18" t="s">
        <v>76</v>
      </c>
      <c r="H39" s="17"/>
      <c r="I39" s="13">
        <v>1335</v>
      </c>
      <c r="J39" s="19">
        <v>663</v>
      </c>
      <c r="K39" s="19">
        <v>672</v>
      </c>
    </row>
    <row r="40" spans="1:11" ht="15" customHeight="1">
      <c r="A40" s="17" t="s">
        <v>77</v>
      </c>
      <c r="B40" s="17"/>
      <c r="C40" s="13">
        <v>1411</v>
      </c>
      <c r="D40" s="19">
        <v>753</v>
      </c>
      <c r="E40" s="19">
        <v>658</v>
      </c>
      <c r="F40" s="19"/>
      <c r="G40" s="18" t="s">
        <v>78</v>
      </c>
      <c r="H40" s="17"/>
      <c r="I40" s="13">
        <v>1243</v>
      </c>
      <c r="J40" s="19">
        <v>623</v>
      </c>
      <c r="K40" s="19">
        <v>620</v>
      </c>
    </row>
    <row r="41" spans="1:11" ht="20.100000000000001" customHeight="1">
      <c r="A41" s="17" t="s">
        <v>79</v>
      </c>
      <c r="B41" s="17"/>
      <c r="C41" s="13">
        <v>7695</v>
      </c>
      <c r="D41" s="14">
        <v>3875</v>
      </c>
      <c r="E41" s="14">
        <v>3820</v>
      </c>
      <c r="F41" s="14"/>
      <c r="G41" s="18" t="s">
        <v>80</v>
      </c>
      <c r="H41" s="17"/>
      <c r="I41" s="13">
        <v>4740</v>
      </c>
      <c r="J41" s="14">
        <v>2101</v>
      </c>
      <c r="K41" s="14">
        <v>2639</v>
      </c>
    </row>
    <row r="42" spans="1:11" ht="15" customHeight="1">
      <c r="A42" s="17" t="s">
        <v>81</v>
      </c>
      <c r="B42" s="17"/>
      <c r="C42" s="13">
        <v>1434</v>
      </c>
      <c r="D42" s="19">
        <v>719</v>
      </c>
      <c r="E42" s="19">
        <v>715</v>
      </c>
      <c r="F42" s="19"/>
      <c r="G42" s="18" t="s">
        <v>82</v>
      </c>
      <c r="H42" s="17"/>
      <c r="I42" s="13">
        <v>1178</v>
      </c>
      <c r="J42" s="19">
        <v>578</v>
      </c>
      <c r="K42" s="19">
        <v>600</v>
      </c>
    </row>
    <row r="43" spans="1:11" ht="15" customHeight="1">
      <c r="A43" s="17" t="s">
        <v>83</v>
      </c>
      <c r="B43" s="17"/>
      <c r="C43" s="13">
        <v>1532</v>
      </c>
      <c r="D43" s="19">
        <v>781</v>
      </c>
      <c r="E43" s="19">
        <v>751</v>
      </c>
      <c r="F43" s="19"/>
      <c r="G43" s="18" t="s">
        <v>84</v>
      </c>
      <c r="H43" s="17"/>
      <c r="I43" s="13">
        <v>1052</v>
      </c>
      <c r="J43" s="19">
        <v>473</v>
      </c>
      <c r="K43" s="19">
        <v>579</v>
      </c>
    </row>
    <row r="44" spans="1:11" ht="15" customHeight="1">
      <c r="A44" s="17" t="s">
        <v>85</v>
      </c>
      <c r="B44" s="17"/>
      <c r="C44" s="13">
        <v>1529</v>
      </c>
      <c r="D44" s="19">
        <v>747</v>
      </c>
      <c r="E44" s="19">
        <v>782</v>
      </c>
      <c r="F44" s="19"/>
      <c r="G44" s="18" t="s">
        <v>86</v>
      </c>
      <c r="H44" s="17"/>
      <c r="I44" s="13">
        <v>860</v>
      </c>
      <c r="J44" s="19">
        <v>368</v>
      </c>
      <c r="K44" s="19">
        <v>492</v>
      </c>
    </row>
    <row r="45" spans="1:11" ht="15" customHeight="1">
      <c r="A45" s="17" t="s">
        <v>87</v>
      </c>
      <c r="B45" s="17"/>
      <c r="C45" s="13">
        <v>1607</v>
      </c>
      <c r="D45" s="19">
        <v>807</v>
      </c>
      <c r="E45" s="19">
        <v>800</v>
      </c>
      <c r="F45" s="19"/>
      <c r="G45" s="18" t="s">
        <v>88</v>
      </c>
      <c r="H45" s="17"/>
      <c r="I45" s="13">
        <v>774</v>
      </c>
      <c r="J45" s="19">
        <v>327</v>
      </c>
      <c r="K45" s="19">
        <v>447</v>
      </c>
    </row>
    <row r="46" spans="1:11" ht="15" customHeight="1">
      <c r="A46" s="17" t="s">
        <v>89</v>
      </c>
      <c r="B46" s="17"/>
      <c r="C46" s="13">
        <v>1593</v>
      </c>
      <c r="D46" s="19">
        <v>821</v>
      </c>
      <c r="E46" s="19">
        <v>772</v>
      </c>
      <c r="F46" s="19"/>
      <c r="G46" s="18" t="s">
        <v>90</v>
      </c>
      <c r="H46" s="17"/>
      <c r="I46" s="13">
        <v>876</v>
      </c>
      <c r="J46" s="19">
        <v>355</v>
      </c>
      <c r="K46" s="19">
        <v>521</v>
      </c>
    </row>
    <row r="47" spans="1:11" ht="20.100000000000001" customHeight="1">
      <c r="A47" s="17" t="s">
        <v>91</v>
      </c>
      <c r="B47" s="17"/>
      <c r="C47" s="13">
        <v>8499</v>
      </c>
      <c r="D47" s="14">
        <v>4204</v>
      </c>
      <c r="E47" s="14">
        <v>4295</v>
      </c>
      <c r="F47" s="14"/>
      <c r="G47" s="18" t="s">
        <v>92</v>
      </c>
      <c r="H47" s="17"/>
      <c r="I47" s="13">
        <v>3361</v>
      </c>
      <c r="J47" s="14">
        <v>1250</v>
      </c>
      <c r="K47" s="14">
        <v>2111</v>
      </c>
    </row>
    <row r="48" spans="1:11" ht="15" customHeight="1">
      <c r="A48" s="17" t="s">
        <v>93</v>
      </c>
      <c r="B48" s="17"/>
      <c r="C48" s="13">
        <v>1544</v>
      </c>
      <c r="D48" s="19">
        <v>723</v>
      </c>
      <c r="E48" s="19">
        <v>821</v>
      </c>
      <c r="F48" s="19"/>
      <c r="G48" s="18" t="s">
        <v>94</v>
      </c>
      <c r="H48" s="17"/>
      <c r="I48" s="13">
        <v>762</v>
      </c>
      <c r="J48" s="19">
        <v>279</v>
      </c>
      <c r="K48" s="19">
        <v>483</v>
      </c>
    </row>
    <row r="49" spans="1:11" ht="15" customHeight="1">
      <c r="A49" s="17" t="s">
        <v>95</v>
      </c>
      <c r="B49" s="17"/>
      <c r="C49" s="13">
        <v>1590</v>
      </c>
      <c r="D49" s="19">
        <v>779</v>
      </c>
      <c r="E49" s="19">
        <v>811</v>
      </c>
      <c r="F49" s="19"/>
      <c r="G49" s="18" t="s">
        <v>96</v>
      </c>
      <c r="H49" s="17"/>
      <c r="I49" s="13">
        <v>785</v>
      </c>
      <c r="J49" s="19">
        <v>317</v>
      </c>
      <c r="K49" s="19">
        <v>468</v>
      </c>
    </row>
    <row r="50" spans="1:11" ht="15" customHeight="1">
      <c r="A50" s="17" t="s">
        <v>97</v>
      </c>
      <c r="B50" s="17"/>
      <c r="C50" s="13">
        <v>1705</v>
      </c>
      <c r="D50" s="19">
        <v>908</v>
      </c>
      <c r="E50" s="19">
        <v>797</v>
      </c>
      <c r="F50" s="19"/>
      <c r="G50" s="18" t="s">
        <v>98</v>
      </c>
      <c r="H50" s="17"/>
      <c r="I50" s="13">
        <v>639</v>
      </c>
      <c r="J50" s="19">
        <v>234</v>
      </c>
      <c r="K50" s="19">
        <v>405</v>
      </c>
    </row>
    <row r="51" spans="1:11" ht="15" customHeight="1">
      <c r="A51" s="17" t="s">
        <v>99</v>
      </c>
      <c r="B51" s="17"/>
      <c r="C51" s="13">
        <v>1796</v>
      </c>
      <c r="D51" s="19">
        <v>861</v>
      </c>
      <c r="E51" s="19">
        <v>935</v>
      </c>
      <c r="F51" s="19"/>
      <c r="G51" s="18" t="s">
        <v>100</v>
      </c>
      <c r="H51" s="17"/>
      <c r="I51" s="13">
        <v>616</v>
      </c>
      <c r="J51" s="19">
        <v>217</v>
      </c>
      <c r="K51" s="19">
        <v>399</v>
      </c>
    </row>
    <row r="52" spans="1:11" ht="15" customHeight="1">
      <c r="A52" s="17" t="s">
        <v>101</v>
      </c>
      <c r="B52" s="17"/>
      <c r="C52" s="13">
        <v>1864</v>
      </c>
      <c r="D52" s="19">
        <v>933</v>
      </c>
      <c r="E52" s="19">
        <v>931</v>
      </c>
      <c r="F52" s="19"/>
      <c r="G52" s="18" t="s">
        <v>102</v>
      </c>
      <c r="H52" s="17"/>
      <c r="I52" s="13">
        <v>559</v>
      </c>
      <c r="J52" s="19">
        <v>203</v>
      </c>
      <c r="K52" s="19">
        <v>356</v>
      </c>
    </row>
    <row r="53" spans="1:11" ht="20.100000000000001" customHeight="1">
      <c r="A53" s="17" t="s">
        <v>103</v>
      </c>
      <c r="B53" s="17"/>
      <c r="C53" s="13">
        <v>10308</v>
      </c>
      <c r="D53" s="14">
        <v>5228</v>
      </c>
      <c r="E53" s="14">
        <v>5080</v>
      </c>
      <c r="F53" s="14"/>
      <c r="G53" s="18" t="s">
        <v>104</v>
      </c>
      <c r="H53" s="17"/>
      <c r="I53" s="13">
        <v>1550</v>
      </c>
      <c r="J53" s="14">
        <v>440</v>
      </c>
      <c r="K53" s="14">
        <v>1110</v>
      </c>
    </row>
    <row r="54" spans="1:11" ht="15" customHeight="1">
      <c r="A54" s="17" t="s">
        <v>105</v>
      </c>
      <c r="B54" s="17"/>
      <c r="C54" s="13">
        <v>1873</v>
      </c>
      <c r="D54" s="19">
        <v>970</v>
      </c>
      <c r="E54" s="19">
        <v>903</v>
      </c>
      <c r="F54" s="19"/>
      <c r="G54" s="18" t="s">
        <v>106</v>
      </c>
      <c r="H54" s="17"/>
      <c r="I54" s="13">
        <v>435</v>
      </c>
      <c r="J54" s="19">
        <v>133</v>
      </c>
      <c r="K54" s="19">
        <v>302</v>
      </c>
    </row>
    <row r="55" spans="1:11" ht="15" customHeight="1">
      <c r="A55" s="17" t="s">
        <v>107</v>
      </c>
      <c r="B55" s="17"/>
      <c r="C55" s="13">
        <v>1995</v>
      </c>
      <c r="D55" s="19">
        <v>973</v>
      </c>
      <c r="E55" s="19">
        <v>1022</v>
      </c>
      <c r="F55" s="19"/>
      <c r="G55" s="18" t="s">
        <v>108</v>
      </c>
      <c r="H55" s="17"/>
      <c r="I55" s="13">
        <v>374</v>
      </c>
      <c r="J55" s="19">
        <v>111</v>
      </c>
      <c r="K55" s="19">
        <v>263</v>
      </c>
    </row>
    <row r="56" spans="1:11" ht="15" customHeight="1">
      <c r="A56" s="17" t="s">
        <v>109</v>
      </c>
      <c r="B56" s="17"/>
      <c r="C56" s="13">
        <v>2045</v>
      </c>
      <c r="D56" s="19">
        <v>1049</v>
      </c>
      <c r="E56" s="19">
        <v>996</v>
      </c>
      <c r="F56" s="19"/>
      <c r="G56" s="18" t="s">
        <v>110</v>
      </c>
      <c r="H56" s="17"/>
      <c r="I56" s="13">
        <v>312</v>
      </c>
      <c r="J56" s="19">
        <v>80</v>
      </c>
      <c r="K56" s="19">
        <v>232</v>
      </c>
    </row>
    <row r="57" spans="1:11" ht="15" customHeight="1">
      <c r="A57" s="17" t="s">
        <v>111</v>
      </c>
      <c r="B57" s="17"/>
      <c r="C57" s="13">
        <v>2119</v>
      </c>
      <c r="D57" s="19">
        <v>1041</v>
      </c>
      <c r="E57" s="19">
        <v>1078</v>
      </c>
      <c r="F57" s="19"/>
      <c r="G57" s="18" t="s">
        <v>112</v>
      </c>
      <c r="H57" s="17"/>
      <c r="I57" s="13">
        <v>276</v>
      </c>
      <c r="J57" s="19">
        <v>75</v>
      </c>
      <c r="K57" s="19">
        <v>201</v>
      </c>
    </row>
    <row r="58" spans="1:11" ht="15" customHeight="1">
      <c r="A58" s="17" t="s">
        <v>113</v>
      </c>
      <c r="B58" s="17"/>
      <c r="C58" s="13">
        <v>2276</v>
      </c>
      <c r="D58" s="19">
        <v>1195</v>
      </c>
      <c r="E58" s="19">
        <v>1081</v>
      </c>
      <c r="F58" s="19"/>
      <c r="G58" s="18" t="s">
        <v>114</v>
      </c>
      <c r="H58" s="17"/>
      <c r="I58" s="13">
        <v>153</v>
      </c>
      <c r="J58" s="19">
        <v>41</v>
      </c>
      <c r="K58" s="19">
        <v>112</v>
      </c>
    </row>
    <row r="59" spans="1:11" ht="20.100000000000001" customHeight="1">
      <c r="A59" s="17" t="s">
        <v>115</v>
      </c>
      <c r="B59" s="17"/>
      <c r="C59" s="13">
        <v>12696</v>
      </c>
      <c r="D59" s="14">
        <v>6452</v>
      </c>
      <c r="E59" s="14">
        <v>6244</v>
      </c>
      <c r="F59" s="14"/>
      <c r="G59" s="18" t="s">
        <v>116</v>
      </c>
      <c r="H59" s="17"/>
      <c r="I59" s="13">
        <v>407</v>
      </c>
      <c r="J59" s="14">
        <v>91</v>
      </c>
      <c r="K59" s="14">
        <v>316</v>
      </c>
    </row>
    <row r="60" spans="1:11" ht="15" customHeight="1">
      <c r="A60" s="17" t="s">
        <v>117</v>
      </c>
      <c r="B60" s="17"/>
      <c r="C60" s="13">
        <v>2330</v>
      </c>
      <c r="D60" s="19">
        <v>1174</v>
      </c>
      <c r="E60" s="19">
        <v>1156</v>
      </c>
      <c r="F60" s="19"/>
      <c r="G60" s="18" t="s">
        <v>118</v>
      </c>
      <c r="H60" s="17"/>
      <c r="I60" s="13">
        <v>129</v>
      </c>
      <c r="J60" s="19">
        <v>32</v>
      </c>
      <c r="K60" s="19">
        <v>97</v>
      </c>
    </row>
    <row r="61" spans="1:11" ht="15" customHeight="1">
      <c r="A61" s="17" t="s">
        <v>119</v>
      </c>
      <c r="B61" s="17"/>
      <c r="C61" s="13">
        <v>2381</v>
      </c>
      <c r="D61" s="19">
        <v>1169</v>
      </c>
      <c r="E61" s="19">
        <v>1212</v>
      </c>
      <c r="F61" s="19"/>
      <c r="G61" s="18" t="s">
        <v>120</v>
      </c>
      <c r="H61" s="17"/>
      <c r="I61" s="13">
        <v>115</v>
      </c>
      <c r="J61" s="19">
        <v>30</v>
      </c>
      <c r="K61" s="19">
        <v>85</v>
      </c>
    </row>
    <row r="62" spans="1:11" ht="15" customHeight="1">
      <c r="A62" s="17" t="s">
        <v>121</v>
      </c>
      <c r="B62" s="17"/>
      <c r="C62" s="13">
        <v>2500</v>
      </c>
      <c r="D62" s="19">
        <v>1285</v>
      </c>
      <c r="E62" s="19">
        <v>1215</v>
      </c>
      <c r="F62" s="19"/>
      <c r="G62" s="18" t="s">
        <v>122</v>
      </c>
      <c r="H62" s="17"/>
      <c r="I62" s="13">
        <v>69</v>
      </c>
      <c r="J62" s="19">
        <v>15</v>
      </c>
      <c r="K62" s="19">
        <v>54</v>
      </c>
    </row>
    <row r="63" spans="1:11" ht="15" customHeight="1">
      <c r="A63" s="17" t="s">
        <v>123</v>
      </c>
      <c r="B63" s="17"/>
      <c r="C63" s="13">
        <v>2722</v>
      </c>
      <c r="D63" s="19">
        <v>1408</v>
      </c>
      <c r="E63" s="19">
        <v>1314</v>
      </c>
      <c r="F63" s="19"/>
      <c r="G63" s="18" t="s">
        <v>124</v>
      </c>
      <c r="H63" s="17"/>
      <c r="I63" s="13">
        <v>59</v>
      </c>
      <c r="J63" s="19">
        <v>8</v>
      </c>
      <c r="K63" s="19">
        <v>51</v>
      </c>
    </row>
    <row r="64" spans="1:11" ht="15" customHeight="1">
      <c r="A64" s="17" t="s">
        <v>125</v>
      </c>
      <c r="B64" s="17"/>
      <c r="C64" s="13">
        <v>2763</v>
      </c>
      <c r="D64" s="19">
        <v>1416</v>
      </c>
      <c r="E64" s="19">
        <v>1347</v>
      </c>
      <c r="F64" s="19"/>
      <c r="G64" s="18" t="s">
        <v>126</v>
      </c>
      <c r="H64" s="17"/>
      <c r="I64" s="13">
        <v>35</v>
      </c>
      <c r="J64" s="19">
        <v>6</v>
      </c>
      <c r="K64" s="19">
        <v>29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58</v>
      </c>
      <c r="J65" s="19">
        <v>4</v>
      </c>
      <c r="K65" s="19">
        <v>54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9888</v>
      </c>
      <c r="J66" s="27">
        <v>4600</v>
      </c>
      <c r="K66" s="27">
        <v>5288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38" t="s">
        <v>185</v>
      </c>
      <c r="B2" s="38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7195</v>
      </c>
      <c r="D4" s="14">
        <v>8431</v>
      </c>
      <c r="E4" s="14">
        <v>8764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69</v>
      </c>
      <c r="D5" s="14">
        <v>284</v>
      </c>
      <c r="E5" s="14">
        <v>285</v>
      </c>
      <c r="F5" s="14"/>
      <c r="G5" s="18" t="s">
        <v>8</v>
      </c>
      <c r="H5" s="17"/>
      <c r="I5" s="13">
        <v>1427</v>
      </c>
      <c r="J5" s="14">
        <v>742</v>
      </c>
      <c r="K5" s="14">
        <v>685</v>
      </c>
    </row>
    <row r="6" spans="1:11" ht="15" customHeight="1">
      <c r="A6" s="17" t="s">
        <v>9</v>
      </c>
      <c r="B6" s="17"/>
      <c r="C6" s="13">
        <v>119</v>
      </c>
      <c r="D6" s="19">
        <v>58</v>
      </c>
      <c r="E6" s="19">
        <v>61</v>
      </c>
      <c r="F6" s="19"/>
      <c r="G6" s="18" t="s">
        <v>10</v>
      </c>
      <c r="H6" s="17"/>
      <c r="I6" s="13">
        <v>304</v>
      </c>
      <c r="J6" s="19">
        <v>156</v>
      </c>
      <c r="K6" s="19">
        <v>148</v>
      </c>
    </row>
    <row r="7" spans="1:11" ht="15" customHeight="1">
      <c r="A7" s="17" t="s">
        <v>11</v>
      </c>
      <c r="B7" s="17"/>
      <c r="C7" s="13">
        <v>97</v>
      </c>
      <c r="D7" s="19">
        <v>54</v>
      </c>
      <c r="E7" s="19">
        <v>43</v>
      </c>
      <c r="F7" s="19"/>
      <c r="G7" s="18" t="s">
        <v>12</v>
      </c>
      <c r="H7" s="17"/>
      <c r="I7" s="13">
        <v>307</v>
      </c>
      <c r="J7" s="19">
        <v>171</v>
      </c>
      <c r="K7" s="19">
        <v>136</v>
      </c>
    </row>
    <row r="8" spans="1:11" ht="15" customHeight="1">
      <c r="A8" s="17" t="s">
        <v>13</v>
      </c>
      <c r="B8" s="17"/>
      <c r="C8" s="13">
        <v>115</v>
      </c>
      <c r="D8" s="19">
        <v>54</v>
      </c>
      <c r="E8" s="19">
        <v>61</v>
      </c>
      <c r="F8" s="19"/>
      <c r="G8" s="18" t="s">
        <v>14</v>
      </c>
      <c r="H8" s="17"/>
      <c r="I8" s="13">
        <v>276</v>
      </c>
      <c r="J8" s="19">
        <v>141</v>
      </c>
      <c r="K8" s="19">
        <v>135</v>
      </c>
    </row>
    <row r="9" spans="1:11" ht="15" customHeight="1">
      <c r="A9" s="17" t="s">
        <v>15</v>
      </c>
      <c r="B9" s="17"/>
      <c r="C9" s="13">
        <v>130</v>
      </c>
      <c r="D9" s="19">
        <v>72</v>
      </c>
      <c r="E9" s="19">
        <v>58</v>
      </c>
      <c r="F9" s="19"/>
      <c r="G9" s="18" t="s">
        <v>16</v>
      </c>
      <c r="H9" s="17"/>
      <c r="I9" s="13">
        <v>274</v>
      </c>
      <c r="J9" s="19">
        <v>137</v>
      </c>
      <c r="K9" s="19">
        <v>137</v>
      </c>
    </row>
    <row r="10" spans="1:11" ht="15" customHeight="1">
      <c r="A10" s="17" t="s">
        <v>17</v>
      </c>
      <c r="B10" s="17"/>
      <c r="C10" s="13">
        <v>108</v>
      </c>
      <c r="D10" s="19">
        <v>46</v>
      </c>
      <c r="E10" s="19">
        <v>62</v>
      </c>
      <c r="F10" s="19"/>
      <c r="G10" s="18" t="s">
        <v>18</v>
      </c>
      <c r="H10" s="17"/>
      <c r="I10" s="13">
        <v>266</v>
      </c>
      <c r="J10" s="19">
        <v>137</v>
      </c>
      <c r="K10" s="19">
        <v>129</v>
      </c>
    </row>
    <row r="11" spans="1:11" ht="20.100000000000001" customHeight="1">
      <c r="A11" s="17" t="s">
        <v>19</v>
      </c>
      <c r="B11" s="17"/>
      <c r="C11" s="13">
        <v>608</v>
      </c>
      <c r="D11" s="14">
        <v>319</v>
      </c>
      <c r="E11" s="14">
        <v>289</v>
      </c>
      <c r="F11" s="14"/>
      <c r="G11" s="18" t="s">
        <v>20</v>
      </c>
      <c r="H11" s="17"/>
      <c r="I11" s="13">
        <v>1083</v>
      </c>
      <c r="J11" s="14">
        <v>556</v>
      </c>
      <c r="K11" s="14">
        <v>527</v>
      </c>
    </row>
    <row r="12" spans="1:11" ht="15" customHeight="1">
      <c r="A12" s="17" t="s">
        <v>21</v>
      </c>
      <c r="B12" s="17"/>
      <c r="C12" s="13">
        <v>132</v>
      </c>
      <c r="D12" s="19">
        <v>79</v>
      </c>
      <c r="E12" s="19">
        <v>53</v>
      </c>
      <c r="F12" s="19"/>
      <c r="G12" s="18" t="s">
        <v>22</v>
      </c>
      <c r="H12" s="17"/>
      <c r="I12" s="13">
        <v>190</v>
      </c>
      <c r="J12" s="19">
        <v>88</v>
      </c>
      <c r="K12" s="19">
        <v>102</v>
      </c>
    </row>
    <row r="13" spans="1:11" ht="15" customHeight="1">
      <c r="A13" s="17" t="s">
        <v>23</v>
      </c>
      <c r="B13" s="17"/>
      <c r="C13" s="13">
        <v>109</v>
      </c>
      <c r="D13" s="19">
        <v>60</v>
      </c>
      <c r="E13" s="19">
        <v>49</v>
      </c>
      <c r="F13" s="19"/>
      <c r="G13" s="18" t="s">
        <v>24</v>
      </c>
      <c r="H13" s="17"/>
      <c r="I13" s="13">
        <v>250</v>
      </c>
      <c r="J13" s="19">
        <v>136</v>
      </c>
      <c r="K13" s="19">
        <v>114</v>
      </c>
    </row>
    <row r="14" spans="1:11" ht="15" customHeight="1">
      <c r="A14" s="17" t="s">
        <v>25</v>
      </c>
      <c r="B14" s="17"/>
      <c r="C14" s="13">
        <v>127</v>
      </c>
      <c r="D14" s="19">
        <v>66</v>
      </c>
      <c r="E14" s="19">
        <v>61</v>
      </c>
      <c r="F14" s="19"/>
      <c r="G14" s="18" t="s">
        <v>26</v>
      </c>
      <c r="H14" s="17"/>
      <c r="I14" s="13">
        <v>232</v>
      </c>
      <c r="J14" s="19">
        <v>124</v>
      </c>
      <c r="K14" s="19">
        <v>108</v>
      </c>
    </row>
    <row r="15" spans="1:11" ht="15" customHeight="1">
      <c r="A15" s="17" t="s">
        <v>27</v>
      </c>
      <c r="B15" s="17"/>
      <c r="C15" s="13">
        <v>105</v>
      </c>
      <c r="D15" s="19">
        <v>51</v>
      </c>
      <c r="E15" s="19">
        <v>54</v>
      </c>
      <c r="F15" s="19"/>
      <c r="G15" s="18" t="s">
        <v>28</v>
      </c>
      <c r="H15" s="17"/>
      <c r="I15" s="13">
        <v>212</v>
      </c>
      <c r="J15" s="19">
        <v>104</v>
      </c>
      <c r="K15" s="19">
        <v>108</v>
      </c>
    </row>
    <row r="16" spans="1:11" ht="15" customHeight="1">
      <c r="A16" s="17" t="s">
        <v>29</v>
      </c>
      <c r="B16" s="17"/>
      <c r="C16" s="13">
        <v>135</v>
      </c>
      <c r="D16" s="19">
        <v>63</v>
      </c>
      <c r="E16" s="19">
        <v>72</v>
      </c>
      <c r="F16" s="19"/>
      <c r="G16" s="18" t="s">
        <v>30</v>
      </c>
      <c r="H16" s="17"/>
      <c r="I16" s="13">
        <v>199</v>
      </c>
      <c r="J16" s="19">
        <v>104</v>
      </c>
      <c r="K16" s="19">
        <v>95</v>
      </c>
    </row>
    <row r="17" spans="1:11" ht="20.100000000000001" customHeight="1">
      <c r="A17" s="20" t="s">
        <v>31</v>
      </c>
      <c r="B17" s="20"/>
      <c r="C17" s="13">
        <v>797</v>
      </c>
      <c r="D17" s="14">
        <v>379</v>
      </c>
      <c r="E17" s="14">
        <v>418</v>
      </c>
      <c r="F17" s="14"/>
      <c r="G17" s="18" t="s">
        <v>32</v>
      </c>
      <c r="H17" s="17"/>
      <c r="I17" s="13">
        <v>919</v>
      </c>
      <c r="J17" s="14">
        <v>474</v>
      </c>
      <c r="K17" s="14">
        <v>445</v>
      </c>
    </row>
    <row r="18" spans="1:11" ht="15" customHeight="1">
      <c r="A18" s="17" t="s">
        <v>33</v>
      </c>
      <c r="B18" s="17"/>
      <c r="C18" s="13">
        <v>166</v>
      </c>
      <c r="D18" s="19">
        <v>78</v>
      </c>
      <c r="E18" s="19">
        <v>88</v>
      </c>
      <c r="F18" s="19"/>
      <c r="G18" s="18" t="s">
        <v>34</v>
      </c>
      <c r="H18" s="17"/>
      <c r="I18" s="13">
        <v>185</v>
      </c>
      <c r="J18" s="19">
        <v>87</v>
      </c>
      <c r="K18" s="19">
        <v>98</v>
      </c>
    </row>
    <row r="19" spans="1:11" ht="15" customHeight="1">
      <c r="A19" s="17" t="s">
        <v>35</v>
      </c>
      <c r="B19" s="17"/>
      <c r="C19" s="13">
        <v>149</v>
      </c>
      <c r="D19" s="19">
        <v>72</v>
      </c>
      <c r="E19" s="19">
        <v>77</v>
      </c>
      <c r="F19" s="19"/>
      <c r="G19" s="18" t="s">
        <v>36</v>
      </c>
      <c r="H19" s="17"/>
      <c r="I19" s="13">
        <v>208</v>
      </c>
      <c r="J19" s="19">
        <v>101</v>
      </c>
      <c r="K19" s="19">
        <v>107</v>
      </c>
    </row>
    <row r="20" spans="1:11" ht="15" customHeight="1">
      <c r="A20" s="17" t="s">
        <v>37</v>
      </c>
      <c r="B20" s="17"/>
      <c r="C20" s="13">
        <v>156</v>
      </c>
      <c r="D20" s="19">
        <v>70</v>
      </c>
      <c r="E20" s="19">
        <v>86</v>
      </c>
      <c r="F20" s="19"/>
      <c r="G20" s="18" t="s">
        <v>38</v>
      </c>
      <c r="H20" s="17"/>
      <c r="I20" s="13">
        <v>170</v>
      </c>
      <c r="J20" s="19">
        <v>99</v>
      </c>
      <c r="K20" s="19">
        <v>71</v>
      </c>
    </row>
    <row r="21" spans="1:11" ht="15" customHeight="1">
      <c r="A21" s="17" t="s">
        <v>39</v>
      </c>
      <c r="B21" s="17"/>
      <c r="C21" s="13">
        <v>161</v>
      </c>
      <c r="D21" s="19">
        <v>74</v>
      </c>
      <c r="E21" s="19">
        <v>87</v>
      </c>
      <c r="F21" s="19"/>
      <c r="G21" s="18" t="s">
        <v>40</v>
      </c>
      <c r="H21" s="17"/>
      <c r="I21" s="13">
        <v>175</v>
      </c>
      <c r="J21" s="19">
        <v>97</v>
      </c>
      <c r="K21" s="19">
        <v>78</v>
      </c>
    </row>
    <row r="22" spans="1:11" ht="15" customHeight="1">
      <c r="A22" s="17" t="s">
        <v>41</v>
      </c>
      <c r="B22" s="17"/>
      <c r="C22" s="13">
        <v>165</v>
      </c>
      <c r="D22" s="19">
        <v>85</v>
      </c>
      <c r="E22" s="19">
        <v>80</v>
      </c>
      <c r="F22" s="19"/>
      <c r="G22" s="18" t="s">
        <v>42</v>
      </c>
      <c r="H22" s="17"/>
      <c r="I22" s="13">
        <v>181</v>
      </c>
      <c r="J22" s="19">
        <v>90</v>
      </c>
      <c r="K22" s="19">
        <v>91</v>
      </c>
    </row>
    <row r="23" spans="1:11" ht="20.100000000000001" customHeight="1">
      <c r="A23" s="17" t="s">
        <v>43</v>
      </c>
      <c r="B23" s="17"/>
      <c r="C23" s="13">
        <v>935</v>
      </c>
      <c r="D23" s="14">
        <v>488</v>
      </c>
      <c r="E23" s="14">
        <v>447</v>
      </c>
      <c r="F23" s="14"/>
      <c r="G23" s="18" t="s">
        <v>44</v>
      </c>
      <c r="H23" s="17"/>
      <c r="I23" s="13">
        <v>1028</v>
      </c>
      <c r="J23" s="14">
        <v>493</v>
      </c>
      <c r="K23" s="14">
        <v>535</v>
      </c>
    </row>
    <row r="24" spans="1:11" ht="15" customHeight="1">
      <c r="A24" s="17" t="s">
        <v>45</v>
      </c>
      <c r="B24" s="17"/>
      <c r="C24" s="13">
        <v>198</v>
      </c>
      <c r="D24" s="19">
        <v>100</v>
      </c>
      <c r="E24" s="19">
        <v>98</v>
      </c>
      <c r="F24" s="19"/>
      <c r="G24" s="18" t="s">
        <v>46</v>
      </c>
      <c r="H24" s="17"/>
      <c r="I24" s="13">
        <v>171</v>
      </c>
      <c r="J24" s="19">
        <v>85</v>
      </c>
      <c r="K24" s="19">
        <v>86</v>
      </c>
    </row>
    <row r="25" spans="1:11" ht="15" customHeight="1">
      <c r="A25" s="17" t="s">
        <v>47</v>
      </c>
      <c r="B25" s="17"/>
      <c r="C25" s="13">
        <v>170</v>
      </c>
      <c r="D25" s="19">
        <v>97</v>
      </c>
      <c r="E25" s="19">
        <v>73</v>
      </c>
      <c r="F25" s="19"/>
      <c r="G25" s="18" t="s">
        <v>48</v>
      </c>
      <c r="H25" s="17"/>
      <c r="I25" s="13">
        <v>189</v>
      </c>
      <c r="J25" s="19">
        <v>102</v>
      </c>
      <c r="K25" s="19">
        <v>87</v>
      </c>
    </row>
    <row r="26" spans="1:11" ht="15" customHeight="1">
      <c r="A26" s="17" t="s">
        <v>49</v>
      </c>
      <c r="B26" s="17"/>
      <c r="C26" s="13">
        <v>195</v>
      </c>
      <c r="D26" s="19">
        <v>109</v>
      </c>
      <c r="E26" s="19">
        <v>86</v>
      </c>
      <c r="F26" s="19"/>
      <c r="G26" s="18" t="s">
        <v>50</v>
      </c>
      <c r="H26" s="17"/>
      <c r="I26" s="13">
        <v>223</v>
      </c>
      <c r="J26" s="19">
        <v>101</v>
      </c>
      <c r="K26" s="19">
        <v>122</v>
      </c>
    </row>
    <row r="27" spans="1:11" ht="15" customHeight="1">
      <c r="A27" s="17" t="s">
        <v>51</v>
      </c>
      <c r="B27" s="17"/>
      <c r="C27" s="13">
        <v>186</v>
      </c>
      <c r="D27" s="19">
        <v>90</v>
      </c>
      <c r="E27" s="19">
        <v>96</v>
      </c>
      <c r="F27" s="19"/>
      <c r="G27" s="18" t="s">
        <v>52</v>
      </c>
      <c r="H27" s="17"/>
      <c r="I27" s="13">
        <v>213</v>
      </c>
      <c r="J27" s="19">
        <v>91</v>
      </c>
      <c r="K27" s="19">
        <v>122</v>
      </c>
    </row>
    <row r="28" spans="1:11" ht="15" customHeight="1">
      <c r="A28" s="17" t="s">
        <v>53</v>
      </c>
      <c r="B28" s="17"/>
      <c r="C28" s="13">
        <v>186</v>
      </c>
      <c r="D28" s="19">
        <v>92</v>
      </c>
      <c r="E28" s="19">
        <v>94</v>
      </c>
      <c r="F28" s="19"/>
      <c r="G28" s="18" t="s">
        <v>54</v>
      </c>
      <c r="H28" s="17"/>
      <c r="I28" s="13">
        <v>232</v>
      </c>
      <c r="J28" s="19">
        <v>114</v>
      </c>
      <c r="K28" s="19">
        <v>118</v>
      </c>
    </row>
    <row r="29" spans="1:11" ht="20.100000000000001" customHeight="1">
      <c r="A29" s="17" t="s">
        <v>55</v>
      </c>
      <c r="B29" s="17"/>
      <c r="C29" s="13">
        <v>900</v>
      </c>
      <c r="D29" s="14">
        <v>465</v>
      </c>
      <c r="E29" s="14">
        <v>435</v>
      </c>
      <c r="F29" s="14"/>
      <c r="G29" s="18" t="s">
        <v>56</v>
      </c>
      <c r="H29" s="17"/>
      <c r="I29" s="13">
        <v>1396</v>
      </c>
      <c r="J29" s="14">
        <v>659</v>
      </c>
      <c r="K29" s="14">
        <v>737</v>
      </c>
    </row>
    <row r="30" spans="1:11" ht="15" customHeight="1">
      <c r="A30" s="17" t="s">
        <v>57</v>
      </c>
      <c r="B30" s="17"/>
      <c r="C30" s="13">
        <v>177</v>
      </c>
      <c r="D30" s="19">
        <v>84</v>
      </c>
      <c r="E30" s="19">
        <v>93</v>
      </c>
      <c r="F30" s="19"/>
      <c r="G30" s="18" t="s">
        <v>58</v>
      </c>
      <c r="H30" s="17"/>
      <c r="I30" s="13">
        <v>233</v>
      </c>
      <c r="J30" s="19">
        <v>119</v>
      </c>
      <c r="K30" s="19">
        <v>114</v>
      </c>
    </row>
    <row r="31" spans="1:11" ht="15" customHeight="1">
      <c r="A31" s="17" t="s">
        <v>59</v>
      </c>
      <c r="B31" s="17"/>
      <c r="C31" s="13">
        <v>199</v>
      </c>
      <c r="D31" s="19">
        <v>102</v>
      </c>
      <c r="E31" s="19">
        <v>97</v>
      </c>
      <c r="F31" s="19"/>
      <c r="G31" s="18" t="s">
        <v>60</v>
      </c>
      <c r="H31" s="17"/>
      <c r="I31" s="13">
        <v>250</v>
      </c>
      <c r="J31" s="19">
        <v>117</v>
      </c>
      <c r="K31" s="19">
        <v>133</v>
      </c>
    </row>
    <row r="32" spans="1:11" ht="15" customHeight="1">
      <c r="A32" s="17" t="s">
        <v>61</v>
      </c>
      <c r="B32" s="17"/>
      <c r="C32" s="13">
        <v>192</v>
      </c>
      <c r="D32" s="19">
        <v>98</v>
      </c>
      <c r="E32" s="19">
        <v>94</v>
      </c>
      <c r="F32" s="19"/>
      <c r="G32" s="18" t="s">
        <v>62</v>
      </c>
      <c r="H32" s="17"/>
      <c r="I32" s="13">
        <v>314</v>
      </c>
      <c r="J32" s="19">
        <v>148</v>
      </c>
      <c r="K32" s="19">
        <v>166</v>
      </c>
    </row>
    <row r="33" spans="1:11" ht="15" customHeight="1">
      <c r="A33" s="17" t="s">
        <v>63</v>
      </c>
      <c r="B33" s="17"/>
      <c r="C33" s="13">
        <v>162</v>
      </c>
      <c r="D33" s="19">
        <v>76</v>
      </c>
      <c r="E33" s="19">
        <v>86</v>
      </c>
      <c r="F33" s="19"/>
      <c r="G33" s="18" t="s">
        <v>64</v>
      </c>
      <c r="H33" s="17"/>
      <c r="I33" s="13">
        <v>288</v>
      </c>
      <c r="J33" s="19">
        <v>130</v>
      </c>
      <c r="K33" s="19">
        <v>158</v>
      </c>
    </row>
    <row r="34" spans="1:11" ht="15" customHeight="1">
      <c r="A34" s="17" t="s">
        <v>65</v>
      </c>
      <c r="B34" s="17"/>
      <c r="C34" s="13">
        <v>170</v>
      </c>
      <c r="D34" s="19">
        <v>105</v>
      </c>
      <c r="E34" s="19">
        <v>65</v>
      </c>
      <c r="F34" s="19"/>
      <c r="G34" s="18" t="s">
        <v>66</v>
      </c>
      <c r="H34" s="17"/>
      <c r="I34" s="13">
        <v>311</v>
      </c>
      <c r="J34" s="19">
        <v>145</v>
      </c>
      <c r="K34" s="19">
        <v>166</v>
      </c>
    </row>
    <row r="35" spans="1:11" ht="20.100000000000001" customHeight="1">
      <c r="A35" s="17" t="s">
        <v>67</v>
      </c>
      <c r="B35" s="17"/>
      <c r="C35" s="13">
        <v>716</v>
      </c>
      <c r="D35" s="14">
        <v>361</v>
      </c>
      <c r="E35" s="14">
        <v>355</v>
      </c>
      <c r="F35" s="14"/>
      <c r="G35" s="18" t="s">
        <v>68</v>
      </c>
      <c r="H35" s="17"/>
      <c r="I35" s="13">
        <v>1053</v>
      </c>
      <c r="J35" s="14">
        <v>489</v>
      </c>
      <c r="K35" s="14">
        <v>564</v>
      </c>
    </row>
    <row r="36" spans="1:11" ht="15" customHeight="1">
      <c r="A36" s="17" t="s">
        <v>69</v>
      </c>
      <c r="B36" s="17"/>
      <c r="C36" s="13">
        <v>164</v>
      </c>
      <c r="D36" s="19">
        <v>75</v>
      </c>
      <c r="E36" s="19">
        <v>89</v>
      </c>
      <c r="F36" s="19"/>
      <c r="G36" s="18" t="s">
        <v>70</v>
      </c>
      <c r="H36" s="17"/>
      <c r="I36" s="13">
        <v>200</v>
      </c>
      <c r="J36" s="19">
        <v>96</v>
      </c>
      <c r="K36" s="19">
        <v>104</v>
      </c>
    </row>
    <row r="37" spans="1:11" ht="15" customHeight="1">
      <c r="A37" s="17" t="s">
        <v>71</v>
      </c>
      <c r="B37" s="17"/>
      <c r="C37" s="13">
        <v>131</v>
      </c>
      <c r="D37" s="19">
        <v>66</v>
      </c>
      <c r="E37" s="19">
        <v>65</v>
      </c>
      <c r="F37" s="19"/>
      <c r="G37" s="18" t="s">
        <v>72</v>
      </c>
      <c r="H37" s="17"/>
      <c r="I37" s="13">
        <v>186</v>
      </c>
      <c r="J37" s="19">
        <v>83</v>
      </c>
      <c r="K37" s="19">
        <v>103</v>
      </c>
    </row>
    <row r="38" spans="1:11" ht="15" customHeight="1">
      <c r="A38" s="17" t="s">
        <v>73</v>
      </c>
      <c r="B38" s="17"/>
      <c r="C38" s="13">
        <v>143</v>
      </c>
      <c r="D38" s="19">
        <v>62</v>
      </c>
      <c r="E38" s="19">
        <v>81</v>
      </c>
      <c r="F38" s="19"/>
      <c r="G38" s="18" t="s">
        <v>74</v>
      </c>
      <c r="H38" s="17"/>
      <c r="I38" s="13">
        <v>229</v>
      </c>
      <c r="J38" s="19">
        <v>118</v>
      </c>
      <c r="K38" s="19">
        <v>111</v>
      </c>
    </row>
    <row r="39" spans="1:11" ht="15" customHeight="1">
      <c r="A39" s="17" t="s">
        <v>75</v>
      </c>
      <c r="B39" s="17"/>
      <c r="C39" s="13">
        <v>130</v>
      </c>
      <c r="D39" s="19">
        <v>71</v>
      </c>
      <c r="E39" s="19">
        <v>59</v>
      </c>
      <c r="F39" s="19"/>
      <c r="G39" s="18" t="s">
        <v>76</v>
      </c>
      <c r="H39" s="17"/>
      <c r="I39" s="13">
        <v>220</v>
      </c>
      <c r="J39" s="19">
        <v>96</v>
      </c>
      <c r="K39" s="19">
        <v>124</v>
      </c>
    </row>
    <row r="40" spans="1:11" ht="15" customHeight="1">
      <c r="A40" s="17" t="s">
        <v>77</v>
      </c>
      <c r="B40" s="17"/>
      <c r="C40" s="13">
        <v>148</v>
      </c>
      <c r="D40" s="19">
        <v>87</v>
      </c>
      <c r="E40" s="19">
        <v>61</v>
      </c>
      <c r="F40" s="19"/>
      <c r="G40" s="18" t="s">
        <v>78</v>
      </c>
      <c r="H40" s="17"/>
      <c r="I40" s="13">
        <v>218</v>
      </c>
      <c r="J40" s="19">
        <v>96</v>
      </c>
      <c r="K40" s="19">
        <v>122</v>
      </c>
    </row>
    <row r="41" spans="1:11" ht="20.100000000000001" customHeight="1">
      <c r="A41" s="17" t="s">
        <v>79</v>
      </c>
      <c r="B41" s="17"/>
      <c r="C41" s="13">
        <v>736</v>
      </c>
      <c r="D41" s="14">
        <v>373</v>
      </c>
      <c r="E41" s="14">
        <v>363</v>
      </c>
      <c r="F41" s="14"/>
      <c r="G41" s="18" t="s">
        <v>80</v>
      </c>
      <c r="H41" s="17"/>
      <c r="I41" s="13">
        <v>780</v>
      </c>
      <c r="J41" s="14">
        <v>332</v>
      </c>
      <c r="K41" s="14">
        <v>448</v>
      </c>
    </row>
    <row r="42" spans="1:11" ht="15" customHeight="1">
      <c r="A42" s="17" t="s">
        <v>81</v>
      </c>
      <c r="B42" s="17"/>
      <c r="C42" s="13">
        <v>133</v>
      </c>
      <c r="D42" s="19">
        <v>65</v>
      </c>
      <c r="E42" s="19">
        <v>68</v>
      </c>
      <c r="F42" s="19"/>
      <c r="G42" s="18" t="s">
        <v>82</v>
      </c>
      <c r="H42" s="17"/>
      <c r="I42" s="13">
        <v>207</v>
      </c>
      <c r="J42" s="19">
        <v>85</v>
      </c>
      <c r="K42" s="19">
        <v>122</v>
      </c>
    </row>
    <row r="43" spans="1:11" ht="15" customHeight="1">
      <c r="A43" s="17" t="s">
        <v>83</v>
      </c>
      <c r="B43" s="17"/>
      <c r="C43" s="13">
        <v>140</v>
      </c>
      <c r="D43" s="19">
        <v>73</v>
      </c>
      <c r="E43" s="19">
        <v>67</v>
      </c>
      <c r="F43" s="19"/>
      <c r="G43" s="18" t="s">
        <v>84</v>
      </c>
      <c r="H43" s="17"/>
      <c r="I43" s="13">
        <v>185</v>
      </c>
      <c r="J43" s="19">
        <v>85</v>
      </c>
      <c r="K43" s="19">
        <v>100</v>
      </c>
    </row>
    <row r="44" spans="1:11" ht="15" customHeight="1">
      <c r="A44" s="17" t="s">
        <v>85</v>
      </c>
      <c r="B44" s="17"/>
      <c r="C44" s="13">
        <v>152</v>
      </c>
      <c r="D44" s="19">
        <v>82</v>
      </c>
      <c r="E44" s="19">
        <v>70</v>
      </c>
      <c r="F44" s="19"/>
      <c r="G44" s="18" t="s">
        <v>86</v>
      </c>
      <c r="H44" s="17"/>
      <c r="I44" s="13">
        <v>130</v>
      </c>
      <c r="J44" s="19">
        <v>54</v>
      </c>
      <c r="K44" s="19">
        <v>76</v>
      </c>
    </row>
    <row r="45" spans="1:11" ht="15" customHeight="1">
      <c r="A45" s="17" t="s">
        <v>87</v>
      </c>
      <c r="B45" s="17"/>
      <c r="C45" s="13">
        <v>152</v>
      </c>
      <c r="D45" s="19">
        <v>65</v>
      </c>
      <c r="E45" s="19">
        <v>87</v>
      </c>
      <c r="F45" s="19"/>
      <c r="G45" s="18" t="s">
        <v>88</v>
      </c>
      <c r="H45" s="17"/>
      <c r="I45" s="13">
        <v>121</v>
      </c>
      <c r="J45" s="19">
        <v>56</v>
      </c>
      <c r="K45" s="19">
        <v>65</v>
      </c>
    </row>
    <row r="46" spans="1:11" ht="15" customHeight="1">
      <c r="A46" s="17" t="s">
        <v>89</v>
      </c>
      <c r="B46" s="17"/>
      <c r="C46" s="13">
        <v>159</v>
      </c>
      <c r="D46" s="19">
        <v>88</v>
      </c>
      <c r="E46" s="19">
        <v>71</v>
      </c>
      <c r="F46" s="19"/>
      <c r="G46" s="18" t="s">
        <v>90</v>
      </c>
      <c r="H46" s="17"/>
      <c r="I46" s="13">
        <v>137</v>
      </c>
      <c r="J46" s="19">
        <v>52</v>
      </c>
      <c r="K46" s="19">
        <v>85</v>
      </c>
    </row>
    <row r="47" spans="1:11" ht="20.100000000000001" customHeight="1">
      <c r="A47" s="17" t="s">
        <v>91</v>
      </c>
      <c r="B47" s="17"/>
      <c r="C47" s="13">
        <v>805</v>
      </c>
      <c r="D47" s="14">
        <v>409</v>
      </c>
      <c r="E47" s="14">
        <v>396</v>
      </c>
      <c r="F47" s="14"/>
      <c r="G47" s="18" t="s">
        <v>92</v>
      </c>
      <c r="H47" s="17"/>
      <c r="I47" s="13">
        <v>461</v>
      </c>
      <c r="J47" s="14">
        <v>174</v>
      </c>
      <c r="K47" s="14">
        <v>287</v>
      </c>
    </row>
    <row r="48" spans="1:11" ht="15" customHeight="1">
      <c r="A48" s="17" t="s">
        <v>93</v>
      </c>
      <c r="B48" s="17"/>
      <c r="C48" s="13">
        <v>159</v>
      </c>
      <c r="D48" s="19">
        <v>80</v>
      </c>
      <c r="E48" s="19">
        <v>79</v>
      </c>
      <c r="F48" s="19"/>
      <c r="G48" s="18" t="s">
        <v>94</v>
      </c>
      <c r="H48" s="17"/>
      <c r="I48" s="13">
        <v>106</v>
      </c>
      <c r="J48" s="19">
        <v>37</v>
      </c>
      <c r="K48" s="19">
        <v>69</v>
      </c>
    </row>
    <row r="49" spans="1:11" ht="15" customHeight="1">
      <c r="A49" s="17" t="s">
        <v>95</v>
      </c>
      <c r="B49" s="17"/>
      <c r="C49" s="13">
        <v>149</v>
      </c>
      <c r="D49" s="19">
        <v>84</v>
      </c>
      <c r="E49" s="19">
        <v>65</v>
      </c>
      <c r="F49" s="19"/>
      <c r="G49" s="18" t="s">
        <v>96</v>
      </c>
      <c r="H49" s="17"/>
      <c r="I49" s="13">
        <v>110</v>
      </c>
      <c r="J49" s="19">
        <v>39</v>
      </c>
      <c r="K49" s="19">
        <v>71</v>
      </c>
    </row>
    <row r="50" spans="1:11" ht="15" customHeight="1">
      <c r="A50" s="17" t="s">
        <v>97</v>
      </c>
      <c r="B50" s="17"/>
      <c r="C50" s="13">
        <v>147</v>
      </c>
      <c r="D50" s="19">
        <v>74</v>
      </c>
      <c r="E50" s="19">
        <v>73</v>
      </c>
      <c r="F50" s="19"/>
      <c r="G50" s="18" t="s">
        <v>98</v>
      </c>
      <c r="H50" s="17"/>
      <c r="I50" s="13">
        <v>90</v>
      </c>
      <c r="J50" s="19">
        <v>34</v>
      </c>
      <c r="K50" s="19">
        <v>56</v>
      </c>
    </row>
    <row r="51" spans="1:11" ht="15" customHeight="1">
      <c r="A51" s="17" t="s">
        <v>99</v>
      </c>
      <c r="B51" s="17"/>
      <c r="C51" s="13">
        <v>181</v>
      </c>
      <c r="D51" s="19">
        <v>85</v>
      </c>
      <c r="E51" s="19">
        <v>96</v>
      </c>
      <c r="F51" s="19"/>
      <c r="G51" s="18" t="s">
        <v>100</v>
      </c>
      <c r="H51" s="17"/>
      <c r="I51" s="13">
        <v>84</v>
      </c>
      <c r="J51" s="19">
        <v>36</v>
      </c>
      <c r="K51" s="19">
        <v>48</v>
      </c>
    </row>
    <row r="52" spans="1:11" ht="15" customHeight="1">
      <c r="A52" s="17" t="s">
        <v>101</v>
      </c>
      <c r="B52" s="17"/>
      <c r="C52" s="13">
        <v>169</v>
      </c>
      <c r="D52" s="19">
        <v>86</v>
      </c>
      <c r="E52" s="19">
        <v>83</v>
      </c>
      <c r="F52" s="19"/>
      <c r="G52" s="18" t="s">
        <v>102</v>
      </c>
      <c r="H52" s="17"/>
      <c r="I52" s="13">
        <v>71</v>
      </c>
      <c r="J52" s="19">
        <v>28</v>
      </c>
      <c r="K52" s="19">
        <v>43</v>
      </c>
    </row>
    <row r="53" spans="1:11" ht="20.100000000000001" customHeight="1">
      <c r="A53" s="17" t="s">
        <v>103</v>
      </c>
      <c r="B53" s="17"/>
      <c r="C53" s="13">
        <v>1073</v>
      </c>
      <c r="D53" s="14">
        <v>527</v>
      </c>
      <c r="E53" s="14">
        <v>546</v>
      </c>
      <c r="F53" s="14"/>
      <c r="G53" s="18" t="s">
        <v>104</v>
      </c>
      <c r="H53" s="17"/>
      <c r="I53" s="13">
        <v>214</v>
      </c>
      <c r="J53" s="14">
        <v>68</v>
      </c>
      <c r="K53" s="14">
        <v>146</v>
      </c>
    </row>
    <row r="54" spans="1:11" ht="15" customHeight="1">
      <c r="A54" s="17" t="s">
        <v>105</v>
      </c>
      <c r="B54" s="17"/>
      <c r="C54" s="13">
        <v>189</v>
      </c>
      <c r="D54" s="19">
        <v>96</v>
      </c>
      <c r="E54" s="19">
        <v>93</v>
      </c>
      <c r="F54" s="19"/>
      <c r="G54" s="18" t="s">
        <v>106</v>
      </c>
      <c r="H54" s="17"/>
      <c r="I54" s="13">
        <v>51</v>
      </c>
      <c r="J54" s="19">
        <v>19</v>
      </c>
      <c r="K54" s="19">
        <v>32</v>
      </c>
    </row>
    <row r="55" spans="1:11" ht="15" customHeight="1">
      <c r="A55" s="17" t="s">
        <v>107</v>
      </c>
      <c r="B55" s="17"/>
      <c r="C55" s="13">
        <v>200</v>
      </c>
      <c r="D55" s="19">
        <v>97</v>
      </c>
      <c r="E55" s="19">
        <v>103</v>
      </c>
      <c r="F55" s="19"/>
      <c r="G55" s="18" t="s">
        <v>108</v>
      </c>
      <c r="H55" s="17"/>
      <c r="I55" s="13">
        <v>44</v>
      </c>
      <c r="J55" s="19">
        <v>16</v>
      </c>
      <c r="K55" s="19">
        <v>28</v>
      </c>
    </row>
    <row r="56" spans="1:11" ht="15" customHeight="1">
      <c r="A56" s="17" t="s">
        <v>109</v>
      </c>
      <c r="B56" s="17"/>
      <c r="C56" s="13">
        <v>222</v>
      </c>
      <c r="D56" s="19">
        <v>113</v>
      </c>
      <c r="E56" s="19">
        <v>109</v>
      </c>
      <c r="F56" s="19"/>
      <c r="G56" s="18" t="s">
        <v>110</v>
      </c>
      <c r="H56" s="17"/>
      <c r="I56" s="13">
        <v>39</v>
      </c>
      <c r="J56" s="19">
        <v>12</v>
      </c>
      <c r="K56" s="19">
        <v>27</v>
      </c>
    </row>
    <row r="57" spans="1:11" ht="15" customHeight="1">
      <c r="A57" s="17" t="s">
        <v>111</v>
      </c>
      <c r="B57" s="17"/>
      <c r="C57" s="13">
        <v>245</v>
      </c>
      <c r="D57" s="19">
        <v>111</v>
      </c>
      <c r="E57" s="19">
        <v>134</v>
      </c>
      <c r="F57" s="19"/>
      <c r="G57" s="18" t="s">
        <v>112</v>
      </c>
      <c r="H57" s="17"/>
      <c r="I57" s="13">
        <v>45</v>
      </c>
      <c r="J57" s="19">
        <v>9</v>
      </c>
      <c r="K57" s="19">
        <v>36</v>
      </c>
    </row>
    <row r="58" spans="1:11" ht="15" customHeight="1">
      <c r="A58" s="17" t="s">
        <v>113</v>
      </c>
      <c r="B58" s="17"/>
      <c r="C58" s="13">
        <v>217</v>
      </c>
      <c r="D58" s="19">
        <v>110</v>
      </c>
      <c r="E58" s="19">
        <v>107</v>
      </c>
      <c r="F58" s="19"/>
      <c r="G58" s="18" t="s">
        <v>114</v>
      </c>
      <c r="H58" s="17"/>
      <c r="I58" s="13">
        <v>35</v>
      </c>
      <c r="J58" s="19">
        <v>12</v>
      </c>
      <c r="K58" s="19">
        <v>23</v>
      </c>
    </row>
    <row r="59" spans="1:11" ht="20.100000000000001" customHeight="1">
      <c r="A59" s="17" t="s">
        <v>115</v>
      </c>
      <c r="B59" s="17"/>
      <c r="C59" s="13">
        <v>1506</v>
      </c>
      <c r="D59" s="14">
        <v>780</v>
      </c>
      <c r="E59" s="14">
        <v>726</v>
      </c>
      <c r="F59" s="14"/>
      <c r="G59" s="18" t="s">
        <v>116</v>
      </c>
      <c r="H59" s="17"/>
      <c r="I59" s="13">
        <v>61</v>
      </c>
      <c r="J59" s="14">
        <v>13</v>
      </c>
      <c r="K59" s="14">
        <v>48</v>
      </c>
    </row>
    <row r="60" spans="1:11" ht="15" customHeight="1">
      <c r="A60" s="17" t="s">
        <v>117</v>
      </c>
      <c r="B60" s="17"/>
      <c r="C60" s="13">
        <v>280</v>
      </c>
      <c r="D60" s="19">
        <v>166</v>
      </c>
      <c r="E60" s="19">
        <v>114</v>
      </c>
      <c r="F60" s="19"/>
      <c r="G60" s="18" t="s">
        <v>118</v>
      </c>
      <c r="H60" s="17"/>
      <c r="I60" s="13">
        <v>21</v>
      </c>
      <c r="J60" s="19">
        <v>3</v>
      </c>
      <c r="K60" s="19">
        <v>18</v>
      </c>
    </row>
    <row r="61" spans="1:11" ht="15" customHeight="1">
      <c r="A61" s="17" t="s">
        <v>119</v>
      </c>
      <c r="B61" s="17"/>
      <c r="C61" s="13">
        <v>295</v>
      </c>
      <c r="D61" s="19">
        <v>150</v>
      </c>
      <c r="E61" s="19">
        <v>145</v>
      </c>
      <c r="F61" s="19"/>
      <c r="G61" s="18" t="s">
        <v>120</v>
      </c>
      <c r="H61" s="17"/>
      <c r="I61" s="13">
        <v>17</v>
      </c>
      <c r="J61" s="19">
        <v>2</v>
      </c>
      <c r="K61" s="19">
        <v>15</v>
      </c>
    </row>
    <row r="62" spans="1:11" ht="15" customHeight="1">
      <c r="A62" s="17" t="s">
        <v>121</v>
      </c>
      <c r="B62" s="17"/>
      <c r="C62" s="13">
        <v>292</v>
      </c>
      <c r="D62" s="19">
        <v>138</v>
      </c>
      <c r="E62" s="19">
        <v>154</v>
      </c>
      <c r="F62" s="19"/>
      <c r="G62" s="18" t="s">
        <v>122</v>
      </c>
      <c r="H62" s="17"/>
      <c r="I62" s="13">
        <v>9</v>
      </c>
      <c r="J62" s="19">
        <v>3</v>
      </c>
      <c r="K62" s="19">
        <v>6</v>
      </c>
    </row>
    <row r="63" spans="1:11" ht="15" customHeight="1">
      <c r="A63" s="17" t="s">
        <v>123</v>
      </c>
      <c r="B63" s="17"/>
      <c r="C63" s="13">
        <v>341</v>
      </c>
      <c r="D63" s="19">
        <v>165</v>
      </c>
      <c r="E63" s="19">
        <v>176</v>
      </c>
      <c r="F63" s="19"/>
      <c r="G63" s="18" t="s">
        <v>124</v>
      </c>
      <c r="H63" s="17"/>
      <c r="I63" s="13">
        <v>10</v>
      </c>
      <c r="J63" s="19">
        <v>4</v>
      </c>
      <c r="K63" s="19">
        <v>6</v>
      </c>
    </row>
    <row r="64" spans="1:11" ht="15" customHeight="1">
      <c r="A64" s="17" t="s">
        <v>125</v>
      </c>
      <c r="B64" s="17"/>
      <c r="C64" s="13">
        <v>298</v>
      </c>
      <c r="D64" s="19">
        <v>161</v>
      </c>
      <c r="E64" s="19">
        <v>137</v>
      </c>
      <c r="F64" s="19"/>
      <c r="G64" s="18" t="s">
        <v>126</v>
      </c>
      <c r="H64" s="17"/>
      <c r="I64" s="13">
        <v>4</v>
      </c>
      <c r="J64" s="19">
        <v>1</v>
      </c>
      <c r="K64" s="19">
        <v>3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2</v>
      </c>
      <c r="J65" s="19">
        <v>0</v>
      </c>
      <c r="K65" s="19">
        <v>12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116</v>
      </c>
      <c r="J66" s="27">
        <v>46</v>
      </c>
      <c r="K66" s="27">
        <v>70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6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0613</v>
      </c>
      <c r="D4" s="14">
        <v>5271</v>
      </c>
      <c r="E4" s="14">
        <v>5342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296</v>
      </c>
      <c r="D5" s="14">
        <v>158</v>
      </c>
      <c r="E5" s="14">
        <v>138</v>
      </c>
      <c r="F5" s="14"/>
      <c r="G5" s="18" t="s">
        <v>8</v>
      </c>
      <c r="H5" s="17"/>
      <c r="I5" s="13">
        <v>831</v>
      </c>
      <c r="J5" s="14">
        <v>430</v>
      </c>
      <c r="K5" s="14">
        <v>401</v>
      </c>
    </row>
    <row r="6" spans="1:11" ht="15" customHeight="1">
      <c r="A6" s="17" t="s">
        <v>9</v>
      </c>
      <c r="B6" s="17"/>
      <c r="C6" s="13">
        <v>48</v>
      </c>
      <c r="D6" s="19">
        <v>23</v>
      </c>
      <c r="E6" s="19">
        <v>25</v>
      </c>
      <c r="F6" s="19"/>
      <c r="G6" s="18" t="s">
        <v>10</v>
      </c>
      <c r="H6" s="17"/>
      <c r="I6" s="13">
        <v>165</v>
      </c>
      <c r="J6" s="19">
        <v>86</v>
      </c>
      <c r="K6" s="19">
        <v>79</v>
      </c>
    </row>
    <row r="7" spans="1:11" ht="15" customHeight="1">
      <c r="A7" s="17" t="s">
        <v>11</v>
      </c>
      <c r="B7" s="17"/>
      <c r="C7" s="13">
        <v>51</v>
      </c>
      <c r="D7" s="19">
        <v>29</v>
      </c>
      <c r="E7" s="19">
        <v>22</v>
      </c>
      <c r="F7" s="19"/>
      <c r="G7" s="18" t="s">
        <v>12</v>
      </c>
      <c r="H7" s="17"/>
      <c r="I7" s="13">
        <v>161</v>
      </c>
      <c r="J7" s="19">
        <v>80</v>
      </c>
      <c r="K7" s="19">
        <v>81</v>
      </c>
    </row>
    <row r="8" spans="1:11" ht="15" customHeight="1">
      <c r="A8" s="17" t="s">
        <v>13</v>
      </c>
      <c r="B8" s="17"/>
      <c r="C8" s="13">
        <v>53</v>
      </c>
      <c r="D8" s="19">
        <v>26</v>
      </c>
      <c r="E8" s="19">
        <v>27</v>
      </c>
      <c r="F8" s="19"/>
      <c r="G8" s="18" t="s">
        <v>14</v>
      </c>
      <c r="H8" s="17"/>
      <c r="I8" s="13">
        <v>163</v>
      </c>
      <c r="J8" s="19">
        <v>88</v>
      </c>
      <c r="K8" s="19">
        <v>75</v>
      </c>
    </row>
    <row r="9" spans="1:11" ht="15" customHeight="1">
      <c r="A9" s="17" t="s">
        <v>15</v>
      </c>
      <c r="B9" s="17"/>
      <c r="C9" s="13">
        <v>71</v>
      </c>
      <c r="D9" s="19">
        <v>42</v>
      </c>
      <c r="E9" s="19">
        <v>29</v>
      </c>
      <c r="F9" s="19"/>
      <c r="G9" s="18" t="s">
        <v>16</v>
      </c>
      <c r="H9" s="17"/>
      <c r="I9" s="13">
        <v>161</v>
      </c>
      <c r="J9" s="19">
        <v>84</v>
      </c>
      <c r="K9" s="19">
        <v>77</v>
      </c>
    </row>
    <row r="10" spans="1:11" ht="15" customHeight="1">
      <c r="A10" s="17" t="s">
        <v>17</v>
      </c>
      <c r="B10" s="17"/>
      <c r="C10" s="13">
        <v>73</v>
      </c>
      <c r="D10" s="19">
        <v>38</v>
      </c>
      <c r="E10" s="19">
        <v>35</v>
      </c>
      <c r="F10" s="19"/>
      <c r="G10" s="18" t="s">
        <v>18</v>
      </c>
      <c r="H10" s="17"/>
      <c r="I10" s="13">
        <v>181</v>
      </c>
      <c r="J10" s="19">
        <v>92</v>
      </c>
      <c r="K10" s="19">
        <v>89</v>
      </c>
    </row>
    <row r="11" spans="1:11" ht="20.100000000000001" customHeight="1">
      <c r="A11" s="17" t="s">
        <v>19</v>
      </c>
      <c r="B11" s="17"/>
      <c r="C11" s="13">
        <v>350</v>
      </c>
      <c r="D11" s="14">
        <v>190</v>
      </c>
      <c r="E11" s="14">
        <v>160</v>
      </c>
      <c r="F11" s="14"/>
      <c r="G11" s="18" t="s">
        <v>20</v>
      </c>
      <c r="H11" s="17"/>
      <c r="I11" s="13">
        <v>724</v>
      </c>
      <c r="J11" s="14">
        <v>386</v>
      </c>
      <c r="K11" s="14">
        <v>338</v>
      </c>
    </row>
    <row r="12" spans="1:11" ht="15" customHeight="1">
      <c r="A12" s="17" t="s">
        <v>21</v>
      </c>
      <c r="B12" s="17"/>
      <c r="C12" s="13">
        <v>81</v>
      </c>
      <c r="D12" s="19">
        <v>43</v>
      </c>
      <c r="E12" s="19">
        <v>38</v>
      </c>
      <c r="F12" s="19"/>
      <c r="G12" s="18" t="s">
        <v>22</v>
      </c>
      <c r="H12" s="17"/>
      <c r="I12" s="13">
        <v>102</v>
      </c>
      <c r="J12" s="19">
        <v>51</v>
      </c>
      <c r="K12" s="19">
        <v>51</v>
      </c>
    </row>
    <row r="13" spans="1:11" ht="15" customHeight="1">
      <c r="A13" s="17" t="s">
        <v>23</v>
      </c>
      <c r="B13" s="17"/>
      <c r="C13" s="13">
        <v>70</v>
      </c>
      <c r="D13" s="19">
        <v>42</v>
      </c>
      <c r="E13" s="19">
        <v>28</v>
      </c>
      <c r="F13" s="19"/>
      <c r="G13" s="18" t="s">
        <v>24</v>
      </c>
      <c r="H13" s="17"/>
      <c r="I13" s="13">
        <v>174</v>
      </c>
      <c r="J13" s="19">
        <v>102</v>
      </c>
      <c r="K13" s="19">
        <v>72</v>
      </c>
    </row>
    <row r="14" spans="1:11" ht="15" customHeight="1">
      <c r="A14" s="17" t="s">
        <v>25</v>
      </c>
      <c r="B14" s="17"/>
      <c r="C14" s="13">
        <v>63</v>
      </c>
      <c r="D14" s="19">
        <v>33</v>
      </c>
      <c r="E14" s="19">
        <v>30</v>
      </c>
      <c r="F14" s="19"/>
      <c r="G14" s="18" t="s">
        <v>26</v>
      </c>
      <c r="H14" s="17"/>
      <c r="I14" s="13">
        <v>138</v>
      </c>
      <c r="J14" s="19">
        <v>71</v>
      </c>
      <c r="K14" s="19">
        <v>67</v>
      </c>
    </row>
    <row r="15" spans="1:11" ht="15" customHeight="1">
      <c r="A15" s="17" t="s">
        <v>27</v>
      </c>
      <c r="B15" s="17"/>
      <c r="C15" s="13">
        <v>55</v>
      </c>
      <c r="D15" s="19">
        <v>32</v>
      </c>
      <c r="E15" s="19">
        <v>23</v>
      </c>
      <c r="F15" s="19"/>
      <c r="G15" s="18" t="s">
        <v>28</v>
      </c>
      <c r="H15" s="17"/>
      <c r="I15" s="13">
        <v>144</v>
      </c>
      <c r="J15" s="19">
        <v>79</v>
      </c>
      <c r="K15" s="19">
        <v>65</v>
      </c>
    </row>
    <row r="16" spans="1:11" ht="15" customHeight="1">
      <c r="A16" s="17" t="s">
        <v>29</v>
      </c>
      <c r="B16" s="17"/>
      <c r="C16" s="13">
        <v>81</v>
      </c>
      <c r="D16" s="19">
        <v>40</v>
      </c>
      <c r="E16" s="19">
        <v>41</v>
      </c>
      <c r="F16" s="19"/>
      <c r="G16" s="18" t="s">
        <v>30</v>
      </c>
      <c r="H16" s="17"/>
      <c r="I16" s="13">
        <v>166</v>
      </c>
      <c r="J16" s="19">
        <v>83</v>
      </c>
      <c r="K16" s="19">
        <v>83</v>
      </c>
    </row>
    <row r="17" spans="1:11" ht="20.100000000000001" customHeight="1">
      <c r="A17" s="20" t="s">
        <v>31</v>
      </c>
      <c r="B17" s="20"/>
      <c r="C17" s="13">
        <v>343</v>
      </c>
      <c r="D17" s="14">
        <v>176</v>
      </c>
      <c r="E17" s="14">
        <v>167</v>
      </c>
      <c r="F17" s="14"/>
      <c r="G17" s="18" t="s">
        <v>32</v>
      </c>
      <c r="H17" s="17"/>
      <c r="I17" s="13">
        <v>686</v>
      </c>
      <c r="J17" s="14">
        <v>335</v>
      </c>
      <c r="K17" s="14">
        <v>351</v>
      </c>
    </row>
    <row r="18" spans="1:11" ht="15" customHeight="1">
      <c r="A18" s="17" t="s">
        <v>33</v>
      </c>
      <c r="B18" s="17"/>
      <c r="C18" s="13">
        <v>70</v>
      </c>
      <c r="D18" s="19">
        <v>36</v>
      </c>
      <c r="E18" s="19">
        <v>34</v>
      </c>
      <c r="F18" s="19"/>
      <c r="G18" s="18" t="s">
        <v>34</v>
      </c>
      <c r="H18" s="17"/>
      <c r="I18" s="13">
        <v>135</v>
      </c>
      <c r="J18" s="19">
        <v>68</v>
      </c>
      <c r="K18" s="19">
        <v>67</v>
      </c>
    </row>
    <row r="19" spans="1:11" ht="15" customHeight="1">
      <c r="A19" s="17" t="s">
        <v>35</v>
      </c>
      <c r="B19" s="17"/>
      <c r="C19" s="13">
        <v>75</v>
      </c>
      <c r="D19" s="19">
        <v>40</v>
      </c>
      <c r="E19" s="19">
        <v>35</v>
      </c>
      <c r="F19" s="19"/>
      <c r="G19" s="18" t="s">
        <v>36</v>
      </c>
      <c r="H19" s="17"/>
      <c r="I19" s="13">
        <v>151</v>
      </c>
      <c r="J19" s="19">
        <v>69</v>
      </c>
      <c r="K19" s="19">
        <v>82</v>
      </c>
    </row>
    <row r="20" spans="1:11" ht="15" customHeight="1">
      <c r="A20" s="17" t="s">
        <v>37</v>
      </c>
      <c r="B20" s="17"/>
      <c r="C20" s="13">
        <v>74</v>
      </c>
      <c r="D20" s="19">
        <v>34</v>
      </c>
      <c r="E20" s="19">
        <v>40</v>
      </c>
      <c r="F20" s="19"/>
      <c r="G20" s="18" t="s">
        <v>38</v>
      </c>
      <c r="H20" s="17"/>
      <c r="I20" s="13">
        <v>132</v>
      </c>
      <c r="J20" s="19">
        <v>65</v>
      </c>
      <c r="K20" s="19">
        <v>67</v>
      </c>
    </row>
    <row r="21" spans="1:11" ht="15" customHeight="1">
      <c r="A21" s="17" t="s">
        <v>39</v>
      </c>
      <c r="B21" s="17"/>
      <c r="C21" s="13">
        <v>65</v>
      </c>
      <c r="D21" s="19">
        <v>32</v>
      </c>
      <c r="E21" s="19">
        <v>33</v>
      </c>
      <c r="F21" s="19"/>
      <c r="G21" s="18" t="s">
        <v>40</v>
      </c>
      <c r="H21" s="17"/>
      <c r="I21" s="13">
        <v>141</v>
      </c>
      <c r="J21" s="19">
        <v>72</v>
      </c>
      <c r="K21" s="19">
        <v>69</v>
      </c>
    </row>
    <row r="22" spans="1:11" ht="15" customHeight="1">
      <c r="A22" s="17" t="s">
        <v>41</v>
      </c>
      <c r="B22" s="17"/>
      <c r="C22" s="13">
        <v>59</v>
      </c>
      <c r="D22" s="19">
        <v>34</v>
      </c>
      <c r="E22" s="19">
        <v>25</v>
      </c>
      <c r="F22" s="19"/>
      <c r="G22" s="18" t="s">
        <v>42</v>
      </c>
      <c r="H22" s="17"/>
      <c r="I22" s="13">
        <v>127</v>
      </c>
      <c r="J22" s="19">
        <v>61</v>
      </c>
      <c r="K22" s="19">
        <v>66</v>
      </c>
    </row>
    <row r="23" spans="1:11" ht="20.100000000000001" customHeight="1">
      <c r="A23" s="17" t="s">
        <v>43</v>
      </c>
      <c r="B23" s="17"/>
      <c r="C23" s="13">
        <v>399</v>
      </c>
      <c r="D23" s="14">
        <v>208</v>
      </c>
      <c r="E23" s="14">
        <v>191</v>
      </c>
      <c r="F23" s="14"/>
      <c r="G23" s="18" t="s">
        <v>44</v>
      </c>
      <c r="H23" s="17"/>
      <c r="I23" s="13">
        <v>753</v>
      </c>
      <c r="J23" s="14">
        <v>395</v>
      </c>
      <c r="K23" s="14">
        <v>358</v>
      </c>
    </row>
    <row r="24" spans="1:11" ht="15" customHeight="1">
      <c r="A24" s="17" t="s">
        <v>45</v>
      </c>
      <c r="B24" s="17"/>
      <c r="C24" s="13">
        <v>64</v>
      </c>
      <c r="D24" s="19">
        <v>32</v>
      </c>
      <c r="E24" s="19">
        <v>32</v>
      </c>
      <c r="F24" s="19"/>
      <c r="G24" s="18" t="s">
        <v>46</v>
      </c>
      <c r="H24" s="17"/>
      <c r="I24" s="13">
        <v>134</v>
      </c>
      <c r="J24" s="19">
        <v>69</v>
      </c>
      <c r="K24" s="19">
        <v>65</v>
      </c>
    </row>
    <row r="25" spans="1:11" ht="15" customHeight="1">
      <c r="A25" s="17" t="s">
        <v>47</v>
      </c>
      <c r="B25" s="17"/>
      <c r="C25" s="13">
        <v>99</v>
      </c>
      <c r="D25" s="19">
        <v>46</v>
      </c>
      <c r="E25" s="19">
        <v>53</v>
      </c>
      <c r="F25" s="19"/>
      <c r="G25" s="18" t="s">
        <v>48</v>
      </c>
      <c r="H25" s="17"/>
      <c r="I25" s="13">
        <v>157</v>
      </c>
      <c r="J25" s="19">
        <v>85</v>
      </c>
      <c r="K25" s="19">
        <v>72</v>
      </c>
    </row>
    <row r="26" spans="1:11" ht="15" customHeight="1">
      <c r="A26" s="17" t="s">
        <v>49</v>
      </c>
      <c r="B26" s="17"/>
      <c r="C26" s="13">
        <v>74</v>
      </c>
      <c r="D26" s="19">
        <v>42</v>
      </c>
      <c r="E26" s="19">
        <v>32</v>
      </c>
      <c r="F26" s="19"/>
      <c r="G26" s="18" t="s">
        <v>50</v>
      </c>
      <c r="H26" s="17"/>
      <c r="I26" s="13">
        <v>148</v>
      </c>
      <c r="J26" s="19">
        <v>82</v>
      </c>
      <c r="K26" s="19">
        <v>66</v>
      </c>
    </row>
    <row r="27" spans="1:11" ht="15" customHeight="1">
      <c r="A27" s="17" t="s">
        <v>51</v>
      </c>
      <c r="B27" s="17"/>
      <c r="C27" s="13">
        <v>78</v>
      </c>
      <c r="D27" s="19">
        <v>47</v>
      </c>
      <c r="E27" s="19">
        <v>31</v>
      </c>
      <c r="F27" s="19"/>
      <c r="G27" s="18" t="s">
        <v>52</v>
      </c>
      <c r="H27" s="17"/>
      <c r="I27" s="13">
        <v>137</v>
      </c>
      <c r="J27" s="19">
        <v>64</v>
      </c>
      <c r="K27" s="19">
        <v>73</v>
      </c>
    </row>
    <row r="28" spans="1:11" ht="15" customHeight="1">
      <c r="A28" s="17" t="s">
        <v>53</v>
      </c>
      <c r="B28" s="17"/>
      <c r="C28" s="13">
        <v>84</v>
      </c>
      <c r="D28" s="19">
        <v>41</v>
      </c>
      <c r="E28" s="19">
        <v>43</v>
      </c>
      <c r="F28" s="19"/>
      <c r="G28" s="18" t="s">
        <v>54</v>
      </c>
      <c r="H28" s="17"/>
      <c r="I28" s="13">
        <v>177</v>
      </c>
      <c r="J28" s="19">
        <v>95</v>
      </c>
      <c r="K28" s="19">
        <v>82</v>
      </c>
    </row>
    <row r="29" spans="1:11" ht="20.100000000000001" customHeight="1">
      <c r="A29" s="17" t="s">
        <v>55</v>
      </c>
      <c r="B29" s="17"/>
      <c r="C29" s="13">
        <v>483</v>
      </c>
      <c r="D29" s="14">
        <v>256</v>
      </c>
      <c r="E29" s="14">
        <v>227</v>
      </c>
      <c r="F29" s="14"/>
      <c r="G29" s="18" t="s">
        <v>56</v>
      </c>
      <c r="H29" s="17"/>
      <c r="I29" s="13">
        <v>961</v>
      </c>
      <c r="J29" s="14">
        <v>449</v>
      </c>
      <c r="K29" s="14">
        <v>512</v>
      </c>
    </row>
    <row r="30" spans="1:11" ht="15" customHeight="1">
      <c r="A30" s="17" t="s">
        <v>57</v>
      </c>
      <c r="B30" s="17"/>
      <c r="C30" s="13">
        <v>98</v>
      </c>
      <c r="D30" s="19">
        <v>50</v>
      </c>
      <c r="E30" s="19">
        <v>48</v>
      </c>
      <c r="F30" s="19"/>
      <c r="G30" s="18" t="s">
        <v>58</v>
      </c>
      <c r="H30" s="17"/>
      <c r="I30" s="13">
        <v>179</v>
      </c>
      <c r="J30" s="19">
        <v>81</v>
      </c>
      <c r="K30" s="19">
        <v>98</v>
      </c>
    </row>
    <row r="31" spans="1:11" ht="15" customHeight="1">
      <c r="A31" s="17" t="s">
        <v>59</v>
      </c>
      <c r="B31" s="17"/>
      <c r="C31" s="13">
        <v>103</v>
      </c>
      <c r="D31" s="19">
        <v>58</v>
      </c>
      <c r="E31" s="19">
        <v>45</v>
      </c>
      <c r="F31" s="19"/>
      <c r="G31" s="18" t="s">
        <v>60</v>
      </c>
      <c r="H31" s="17"/>
      <c r="I31" s="13">
        <v>180</v>
      </c>
      <c r="J31" s="19">
        <v>93</v>
      </c>
      <c r="K31" s="19">
        <v>87</v>
      </c>
    </row>
    <row r="32" spans="1:11" ht="15" customHeight="1">
      <c r="A32" s="17" t="s">
        <v>61</v>
      </c>
      <c r="B32" s="17"/>
      <c r="C32" s="13">
        <v>93</v>
      </c>
      <c r="D32" s="19">
        <v>50</v>
      </c>
      <c r="E32" s="19">
        <v>43</v>
      </c>
      <c r="F32" s="19"/>
      <c r="G32" s="18" t="s">
        <v>62</v>
      </c>
      <c r="H32" s="17"/>
      <c r="I32" s="13">
        <v>212</v>
      </c>
      <c r="J32" s="19">
        <v>94</v>
      </c>
      <c r="K32" s="19">
        <v>118</v>
      </c>
    </row>
    <row r="33" spans="1:11" ht="15" customHeight="1">
      <c r="A33" s="17" t="s">
        <v>63</v>
      </c>
      <c r="B33" s="17"/>
      <c r="C33" s="13">
        <v>108</v>
      </c>
      <c r="D33" s="19">
        <v>49</v>
      </c>
      <c r="E33" s="19">
        <v>59</v>
      </c>
      <c r="F33" s="19"/>
      <c r="G33" s="18" t="s">
        <v>64</v>
      </c>
      <c r="H33" s="17"/>
      <c r="I33" s="13">
        <v>191</v>
      </c>
      <c r="J33" s="19">
        <v>85</v>
      </c>
      <c r="K33" s="19">
        <v>106</v>
      </c>
    </row>
    <row r="34" spans="1:11" ht="15" customHeight="1">
      <c r="A34" s="17" t="s">
        <v>65</v>
      </c>
      <c r="B34" s="17"/>
      <c r="C34" s="13">
        <v>81</v>
      </c>
      <c r="D34" s="19">
        <v>49</v>
      </c>
      <c r="E34" s="19">
        <v>32</v>
      </c>
      <c r="F34" s="19"/>
      <c r="G34" s="18" t="s">
        <v>66</v>
      </c>
      <c r="H34" s="17"/>
      <c r="I34" s="13">
        <v>199</v>
      </c>
      <c r="J34" s="19">
        <v>96</v>
      </c>
      <c r="K34" s="19">
        <v>103</v>
      </c>
    </row>
    <row r="35" spans="1:11" ht="20.100000000000001" customHeight="1">
      <c r="A35" s="17" t="s">
        <v>67</v>
      </c>
      <c r="B35" s="17"/>
      <c r="C35" s="13">
        <v>418</v>
      </c>
      <c r="D35" s="14">
        <v>213</v>
      </c>
      <c r="E35" s="14">
        <v>205</v>
      </c>
      <c r="F35" s="14"/>
      <c r="G35" s="18" t="s">
        <v>68</v>
      </c>
      <c r="H35" s="17"/>
      <c r="I35" s="13">
        <v>724</v>
      </c>
      <c r="J35" s="14">
        <v>333</v>
      </c>
      <c r="K35" s="14">
        <v>391</v>
      </c>
    </row>
    <row r="36" spans="1:11" ht="15" customHeight="1">
      <c r="A36" s="17" t="s">
        <v>69</v>
      </c>
      <c r="B36" s="17"/>
      <c r="C36" s="13">
        <v>90</v>
      </c>
      <c r="D36" s="19">
        <v>41</v>
      </c>
      <c r="E36" s="19">
        <v>49</v>
      </c>
      <c r="F36" s="19"/>
      <c r="G36" s="18" t="s">
        <v>70</v>
      </c>
      <c r="H36" s="17"/>
      <c r="I36" s="13">
        <v>143</v>
      </c>
      <c r="J36" s="19">
        <v>67</v>
      </c>
      <c r="K36" s="19">
        <v>76</v>
      </c>
    </row>
    <row r="37" spans="1:11" ht="15" customHeight="1">
      <c r="A37" s="17" t="s">
        <v>71</v>
      </c>
      <c r="B37" s="17"/>
      <c r="C37" s="13">
        <v>98</v>
      </c>
      <c r="D37" s="19">
        <v>49</v>
      </c>
      <c r="E37" s="19">
        <v>49</v>
      </c>
      <c r="F37" s="19"/>
      <c r="G37" s="18" t="s">
        <v>72</v>
      </c>
      <c r="H37" s="17"/>
      <c r="I37" s="13">
        <v>135</v>
      </c>
      <c r="J37" s="19">
        <v>59</v>
      </c>
      <c r="K37" s="19">
        <v>76</v>
      </c>
    </row>
    <row r="38" spans="1:11" ht="15" customHeight="1">
      <c r="A38" s="17" t="s">
        <v>73</v>
      </c>
      <c r="B38" s="17"/>
      <c r="C38" s="13">
        <v>78</v>
      </c>
      <c r="D38" s="19">
        <v>37</v>
      </c>
      <c r="E38" s="19">
        <v>41</v>
      </c>
      <c r="F38" s="19"/>
      <c r="G38" s="18" t="s">
        <v>74</v>
      </c>
      <c r="H38" s="17"/>
      <c r="I38" s="13">
        <v>145</v>
      </c>
      <c r="J38" s="19">
        <v>65</v>
      </c>
      <c r="K38" s="19">
        <v>80</v>
      </c>
    </row>
    <row r="39" spans="1:11" ht="15" customHeight="1">
      <c r="A39" s="17" t="s">
        <v>75</v>
      </c>
      <c r="B39" s="17"/>
      <c r="C39" s="13">
        <v>77</v>
      </c>
      <c r="D39" s="19">
        <v>46</v>
      </c>
      <c r="E39" s="19">
        <v>31</v>
      </c>
      <c r="F39" s="19"/>
      <c r="G39" s="18" t="s">
        <v>76</v>
      </c>
      <c r="H39" s="17"/>
      <c r="I39" s="13">
        <v>151</v>
      </c>
      <c r="J39" s="19">
        <v>67</v>
      </c>
      <c r="K39" s="19">
        <v>84</v>
      </c>
    </row>
    <row r="40" spans="1:11" ht="15" customHeight="1">
      <c r="A40" s="17" t="s">
        <v>77</v>
      </c>
      <c r="B40" s="17"/>
      <c r="C40" s="13">
        <v>75</v>
      </c>
      <c r="D40" s="19">
        <v>40</v>
      </c>
      <c r="E40" s="19">
        <v>35</v>
      </c>
      <c r="F40" s="19"/>
      <c r="G40" s="18" t="s">
        <v>78</v>
      </c>
      <c r="H40" s="17"/>
      <c r="I40" s="13">
        <v>150</v>
      </c>
      <c r="J40" s="19">
        <v>75</v>
      </c>
      <c r="K40" s="19">
        <v>75</v>
      </c>
    </row>
    <row r="41" spans="1:11" ht="20.100000000000001" customHeight="1">
      <c r="A41" s="17" t="s">
        <v>79</v>
      </c>
      <c r="B41" s="17"/>
      <c r="C41" s="13">
        <v>455</v>
      </c>
      <c r="D41" s="14">
        <v>247</v>
      </c>
      <c r="E41" s="14">
        <v>208</v>
      </c>
      <c r="F41" s="14"/>
      <c r="G41" s="18" t="s">
        <v>80</v>
      </c>
      <c r="H41" s="17"/>
      <c r="I41" s="13">
        <v>605</v>
      </c>
      <c r="J41" s="14">
        <v>251</v>
      </c>
      <c r="K41" s="14">
        <v>354</v>
      </c>
    </row>
    <row r="42" spans="1:11" ht="15" customHeight="1">
      <c r="A42" s="17" t="s">
        <v>81</v>
      </c>
      <c r="B42" s="17"/>
      <c r="C42" s="13">
        <v>82</v>
      </c>
      <c r="D42" s="19">
        <v>39</v>
      </c>
      <c r="E42" s="19">
        <v>43</v>
      </c>
      <c r="F42" s="19"/>
      <c r="G42" s="18" t="s">
        <v>82</v>
      </c>
      <c r="H42" s="17"/>
      <c r="I42" s="13">
        <v>146</v>
      </c>
      <c r="J42" s="19">
        <v>57</v>
      </c>
      <c r="K42" s="19">
        <v>89</v>
      </c>
    </row>
    <row r="43" spans="1:11" ht="15" customHeight="1">
      <c r="A43" s="17" t="s">
        <v>83</v>
      </c>
      <c r="B43" s="17"/>
      <c r="C43" s="13">
        <v>87</v>
      </c>
      <c r="D43" s="19">
        <v>49</v>
      </c>
      <c r="E43" s="19">
        <v>38</v>
      </c>
      <c r="F43" s="19"/>
      <c r="G43" s="18" t="s">
        <v>84</v>
      </c>
      <c r="H43" s="17"/>
      <c r="I43" s="13">
        <v>143</v>
      </c>
      <c r="J43" s="19">
        <v>60</v>
      </c>
      <c r="K43" s="19">
        <v>83</v>
      </c>
    </row>
    <row r="44" spans="1:11" ht="15" customHeight="1">
      <c r="A44" s="17" t="s">
        <v>85</v>
      </c>
      <c r="B44" s="17"/>
      <c r="C44" s="13">
        <v>88</v>
      </c>
      <c r="D44" s="19">
        <v>50</v>
      </c>
      <c r="E44" s="19">
        <v>38</v>
      </c>
      <c r="F44" s="19"/>
      <c r="G44" s="18" t="s">
        <v>86</v>
      </c>
      <c r="H44" s="17"/>
      <c r="I44" s="13">
        <v>92</v>
      </c>
      <c r="J44" s="19">
        <v>47</v>
      </c>
      <c r="K44" s="19">
        <v>45</v>
      </c>
    </row>
    <row r="45" spans="1:11" ht="15" customHeight="1">
      <c r="A45" s="17" t="s">
        <v>87</v>
      </c>
      <c r="B45" s="17"/>
      <c r="C45" s="13">
        <v>99</v>
      </c>
      <c r="D45" s="19">
        <v>55</v>
      </c>
      <c r="E45" s="19">
        <v>44</v>
      </c>
      <c r="F45" s="19"/>
      <c r="G45" s="18" t="s">
        <v>88</v>
      </c>
      <c r="H45" s="17"/>
      <c r="I45" s="13">
        <v>121</v>
      </c>
      <c r="J45" s="19">
        <v>45</v>
      </c>
      <c r="K45" s="19">
        <v>76</v>
      </c>
    </row>
    <row r="46" spans="1:11" ht="15" customHeight="1">
      <c r="A46" s="17" t="s">
        <v>89</v>
      </c>
      <c r="B46" s="17"/>
      <c r="C46" s="13">
        <v>99</v>
      </c>
      <c r="D46" s="19">
        <v>54</v>
      </c>
      <c r="E46" s="19">
        <v>45</v>
      </c>
      <c r="F46" s="19"/>
      <c r="G46" s="18" t="s">
        <v>90</v>
      </c>
      <c r="H46" s="17"/>
      <c r="I46" s="13">
        <v>103</v>
      </c>
      <c r="J46" s="19">
        <v>42</v>
      </c>
      <c r="K46" s="19">
        <v>61</v>
      </c>
    </row>
    <row r="47" spans="1:11" ht="20.100000000000001" customHeight="1">
      <c r="A47" s="17" t="s">
        <v>91</v>
      </c>
      <c r="B47" s="17"/>
      <c r="C47" s="13">
        <v>514</v>
      </c>
      <c r="D47" s="14">
        <v>266</v>
      </c>
      <c r="E47" s="14">
        <v>248</v>
      </c>
      <c r="F47" s="14"/>
      <c r="G47" s="18" t="s">
        <v>92</v>
      </c>
      <c r="H47" s="17"/>
      <c r="I47" s="13">
        <v>393</v>
      </c>
      <c r="J47" s="14">
        <v>135</v>
      </c>
      <c r="K47" s="14">
        <v>258</v>
      </c>
    </row>
    <row r="48" spans="1:11" ht="15" customHeight="1">
      <c r="A48" s="17" t="s">
        <v>93</v>
      </c>
      <c r="B48" s="17"/>
      <c r="C48" s="13">
        <v>109</v>
      </c>
      <c r="D48" s="19">
        <v>62</v>
      </c>
      <c r="E48" s="19">
        <v>47</v>
      </c>
      <c r="F48" s="19"/>
      <c r="G48" s="18" t="s">
        <v>94</v>
      </c>
      <c r="H48" s="17"/>
      <c r="I48" s="13">
        <v>102</v>
      </c>
      <c r="J48" s="19">
        <v>39</v>
      </c>
      <c r="K48" s="19">
        <v>63</v>
      </c>
    </row>
    <row r="49" spans="1:11" ht="15" customHeight="1">
      <c r="A49" s="17" t="s">
        <v>95</v>
      </c>
      <c r="B49" s="17"/>
      <c r="C49" s="13">
        <v>98</v>
      </c>
      <c r="D49" s="19">
        <v>42</v>
      </c>
      <c r="E49" s="19">
        <v>56</v>
      </c>
      <c r="F49" s="19"/>
      <c r="G49" s="18" t="s">
        <v>96</v>
      </c>
      <c r="H49" s="17"/>
      <c r="I49" s="13">
        <v>89</v>
      </c>
      <c r="J49" s="19">
        <v>29</v>
      </c>
      <c r="K49" s="19">
        <v>60</v>
      </c>
    </row>
    <row r="50" spans="1:11" ht="15" customHeight="1">
      <c r="A50" s="17" t="s">
        <v>97</v>
      </c>
      <c r="B50" s="17"/>
      <c r="C50" s="13">
        <v>104</v>
      </c>
      <c r="D50" s="19">
        <v>52</v>
      </c>
      <c r="E50" s="19">
        <v>52</v>
      </c>
      <c r="F50" s="19"/>
      <c r="G50" s="18" t="s">
        <v>98</v>
      </c>
      <c r="H50" s="17"/>
      <c r="I50" s="13">
        <v>75</v>
      </c>
      <c r="J50" s="19">
        <v>26</v>
      </c>
      <c r="K50" s="19">
        <v>49</v>
      </c>
    </row>
    <row r="51" spans="1:11" ht="15" customHeight="1">
      <c r="A51" s="17" t="s">
        <v>99</v>
      </c>
      <c r="B51" s="17"/>
      <c r="C51" s="13">
        <v>96</v>
      </c>
      <c r="D51" s="19">
        <v>59</v>
      </c>
      <c r="E51" s="19">
        <v>37</v>
      </c>
      <c r="F51" s="19"/>
      <c r="G51" s="18" t="s">
        <v>100</v>
      </c>
      <c r="H51" s="17"/>
      <c r="I51" s="13">
        <v>63</v>
      </c>
      <c r="J51" s="19">
        <v>18</v>
      </c>
      <c r="K51" s="19">
        <v>45</v>
      </c>
    </row>
    <row r="52" spans="1:11" ht="15" customHeight="1">
      <c r="A52" s="17" t="s">
        <v>101</v>
      </c>
      <c r="B52" s="17"/>
      <c r="C52" s="13">
        <v>107</v>
      </c>
      <c r="D52" s="19">
        <v>51</v>
      </c>
      <c r="E52" s="19">
        <v>56</v>
      </c>
      <c r="F52" s="19"/>
      <c r="G52" s="18" t="s">
        <v>102</v>
      </c>
      <c r="H52" s="17"/>
      <c r="I52" s="13">
        <v>64</v>
      </c>
      <c r="J52" s="19">
        <v>23</v>
      </c>
      <c r="K52" s="19">
        <v>41</v>
      </c>
    </row>
    <row r="53" spans="1:11" ht="20.100000000000001" customHeight="1">
      <c r="A53" s="17" t="s">
        <v>103</v>
      </c>
      <c r="B53" s="17"/>
      <c r="C53" s="13">
        <v>615</v>
      </c>
      <c r="D53" s="14">
        <v>324</v>
      </c>
      <c r="E53" s="14">
        <v>291</v>
      </c>
      <c r="F53" s="14"/>
      <c r="G53" s="18" t="s">
        <v>104</v>
      </c>
      <c r="H53" s="17"/>
      <c r="I53" s="13">
        <v>174</v>
      </c>
      <c r="J53" s="14">
        <v>43</v>
      </c>
      <c r="K53" s="14">
        <v>131</v>
      </c>
    </row>
    <row r="54" spans="1:11" ht="15" customHeight="1">
      <c r="A54" s="17" t="s">
        <v>105</v>
      </c>
      <c r="B54" s="17"/>
      <c r="C54" s="13">
        <v>100</v>
      </c>
      <c r="D54" s="19">
        <v>49</v>
      </c>
      <c r="E54" s="19">
        <v>51</v>
      </c>
      <c r="F54" s="19"/>
      <c r="G54" s="18" t="s">
        <v>106</v>
      </c>
      <c r="H54" s="17"/>
      <c r="I54" s="13">
        <v>52</v>
      </c>
      <c r="J54" s="19">
        <v>14</v>
      </c>
      <c r="K54" s="19">
        <v>38</v>
      </c>
    </row>
    <row r="55" spans="1:11" ht="15" customHeight="1">
      <c r="A55" s="17" t="s">
        <v>107</v>
      </c>
      <c r="B55" s="17"/>
      <c r="C55" s="13">
        <v>111</v>
      </c>
      <c r="D55" s="19">
        <v>63</v>
      </c>
      <c r="E55" s="19">
        <v>48</v>
      </c>
      <c r="F55" s="19"/>
      <c r="G55" s="18" t="s">
        <v>108</v>
      </c>
      <c r="H55" s="17"/>
      <c r="I55" s="13">
        <v>41</v>
      </c>
      <c r="J55" s="19">
        <v>12</v>
      </c>
      <c r="K55" s="19">
        <v>29</v>
      </c>
    </row>
    <row r="56" spans="1:11" ht="15" customHeight="1">
      <c r="A56" s="17" t="s">
        <v>109</v>
      </c>
      <c r="B56" s="17"/>
      <c r="C56" s="13">
        <v>130</v>
      </c>
      <c r="D56" s="19">
        <v>71</v>
      </c>
      <c r="E56" s="19">
        <v>59</v>
      </c>
      <c r="F56" s="19"/>
      <c r="G56" s="18" t="s">
        <v>110</v>
      </c>
      <c r="H56" s="17"/>
      <c r="I56" s="13">
        <v>33</v>
      </c>
      <c r="J56" s="19">
        <v>7</v>
      </c>
      <c r="K56" s="19">
        <v>26</v>
      </c>
    </row>
    <row r="57" spans="1:11" ht="15" customHeight="1">
      <c r="A57" s="17" t="s">
        <v>111</v>
      </c>
      <c r="B57" s="17"/>
      <c r="C57" s="13">
        <v>145</v>
      </c>
      <c r="D57" s="19">
        <v>71</v>
      </c>
      <c r="E57" s="19">
        <v>74</v>
      </c>
      <c r="F57" s="19"/>
      <c r="G57" s="18" t="s">
        <v>112</v>
      </c>
      <c r="H57" s="17"/>
      <c r="I57" s="13">
        <v>24</v>
      </c>
      <c r="J57" s="19">
        <v>5</v>
      </c>
      <c r="K57" s="19">
        <v>19</v>
      </c>
    </row>
    <row r="58" spans="1:11" ht="15" customHeight="1">
      <c r="A58" s="17" t="s">
        <v>113</v>
      </c>
      <c r="B58" s="17"/>
      <c r="C58" s="13">
        <v>129</v>
      </c>
      <c r="D58" s="19">
        <v>70</v>
      </c>
      <c r="E58" s="19">
        <v>59</v>
      </c>
      <c r="F58" s="19"/>
      <c r="G58" s="18" t="s">
        <v>114</v>
      </c>
      <c r="H58" s="17"/>
      <c r="I58" s="13">
        <v>24</v>
      </c>
      <c r="J58" s="19">
        <v>5</v>
      </c>
      <c r="K58" s="19">
        <v>19</v>
      </c>
    </row>
    <row r="59" spans="1:11" ht="20.100000000000001" customHeight="1">
      <c r="A59" s="17" t="s">
        <v>115</v>
      </c>
      <c r="B59" s="17"/>
      <c r="C59" s="13">
        <v>711</v>
      </c>
      <c r="D59" s="14">
        <v>385</v>
      </c>
      <c r="E59" s="14">
        <v>326</v>
      </c>
      <c r="F59" s="14"/>
      <c r="G59" s="18" t="s">
        <v>116</v>
      </c>
      <c r="H59" s="17"/>
      <c r="I59" s="13">
        <v>46</v>
      </c>
      <c r="J59" s="14">
        <v>11</v>
      </c>
      <c r="K59" s="14">
        <v>35</v>
      </c>
    </row>
    <row r="60" spans="1:11" ht="15" customHeight="1">
      <c r="A60" s="17" t="s">
        <v>117</v>
      </c>
      <c r="B60" s="17"/>
      <c r="C60" s="13">
        <v>122</v>
      </c>
      <c r="D60" s="19">
        <v>64</v>
      </c>
      <c r="E60" s="19">
        <v>58</v>
      </c>
      <c r="F60" s="19"/>
      <c r="G60" s="18" t="s">
        <v>118</v>
      </c>
      <c r="H60" s="17"/>
      <c r="I60" s="13">
        <v>15</v>
      </c>
      <c r="J60" s="19">
        <v>3</v>
      </c>
      <c r="K60" s="19">
        <v>12</v>
      </c>
    </row>
    <row r="61" spans="1:11" ht="15" customHeight="1">
      <c r="A61" s="17" t="s">
        <v>119</v>
      </c>
      <c r="B61" s="17"/>
      <c r="C61" s="13">
        <v>114</v>
      </c>
      <c r="D61" s="19">
        <v>59</v>
      </c>
      <c r="E61" s="19">
        <v>55</v>
      </c>
      <c r="F61" s="19"/>
      <c r="G61" s="18" t="s">
        <v>120</v>
      </c>
      <c r="H61" s="17"/>
      <c r="I61" s="13">
        <v>11</v>
      </c>
      <c r="J61" s="19">
        <v>3</v>
      </c>
      <c r="K61" s="19">
        <v>8</v>
      </c>
    </row>
    <row r="62" spans="1:11" ht="15" customHeight="1">
      <c r="A62" s="17" t="s">
        <v>121</v>
      </c>
      <c r="B62" s="17"/>
      <c r="C62" s="13">
        <v>142</v>
      </c>
      <c r="D62" s="19">
        <v>80</v>
      </c>
      <c r="E62" s="19">
        <v>62</v>
      </c>
      <c r="F62" s="19"/>
      <c r="G62" s="18" t="s">
        <v>122</v>
      </c>
      <c r="H62" s="17"/>
      <c r="I62" s="13">
        <v>4</v>
      </c>
      <c r="J62" s="19">
        <v>3</v>
      </c>
      <c r="K62" s="19">
        <v>1</v>
      </c>
    </row>
    <row r="63" spans="1:11" ht="15" customHeight="1">
      <c r="A63" s="17" t="s">
        <v>123</v>
      </c>
      <c r="B63" s="17"/>
      <c r="C63" s="13">
        <v>178</v>
      </c>
      <c r="D63" s="19">
        <v>106</v>
      </c>
      <c r="E63" s="19">
        <v>72</v>
      </c>
      <c r="F63" s="19"/>
      <c r="G63" s="18" t="s">
        <v>124</v>
      </c>
      <c r="H63" s="17"/>
      <c r="I63" s="13">
        <v>6</v>
      </c>
      <c r="J63" s="19">
        <v>0</v>
      </c>
      <c r="K63" s="19">
        <v>6</v>
      </c>
    </row>
    <row r="64" spans="1:11" ht="15" customHeight="1">
      <c r="A64" s="17" t="s">
        <v>125</v>
      </c>
      <c r="B64" s="17"/>
      <c r="C64" s="13">
        <v>155</v>
      </c>
      <c r="D64" s="19">
        <v>76</v>
      </c>
      <c r="E64" s="19">
        <v>79</v>
      </c>
      <c r="F64" s="19"/>
      <c r="G64" s="18" t="s">
        <v>126</v>
      </c>
      <c r="H64" s="17"/>
      <c r="I64" s="13">
        <v>10</v>
      </c>
      <c r="J64" s="19">
        <v>2</v>
      </c>
      <c r="K64" s="19">
        <v>8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7</v>
      </c>
      <c r="J65" s="19">
        <v>1</v>
      </c>
      <c r="K65" s="19">
        <v>6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125</v>
      </c>
      <c r="J66" s="27">
        <v>79</v>
      </c>
      <c r="K66" s="27">
        <v>46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7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9556</v>
      </c>
      <c r="D4" s="14">
        <v>4733</v>
      </c>
      <c r="E4" s="14">
        <v>482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76</v>
      </c>
      <c r="D5" s="14">
        <v>92</v>
      </c>
      <c r="E5" s="14">
        <v>84</v>
      </c>
      <c r="F5" s="14"/>
      <c r="G5" s="18" t="s">
        <v>8</v>
      </c>
      <c r="H5" s="17"/>
      <c r="I5" s="13">
        <v>637</v>
      </c>
      <c r="J5" s="14">
        <v>331</v>
      </c>
      <c r="K5" s="14">
        <v>306</v>
      </c>
    </row>
    <row r="6" spans="1:11" ht="15" customHeight="1">
      <c r="A6" s="17" t="s">
        <v>9</v>
      </c>
      <c r="B6" s="17"/>
      <c r="C6" s="13">
        <v>30</v>
      </c>
      <c r="D6" s="19">
        <v>15</v>
      </c>
      <c r="E6" s="19">
        <v>15</v>
      </c>
      <c r="F6" s="19"/>
      <c r="G6" s="18" t="s">
        <v>10</v>
      </c>
      <c r="H6" s="17"/>
      <c r="I6" s="13">
        <v>105</v>
      </c>
      <c r="J6" s="19">
        <v>52</v>
      </c>
      <c r="K6" s="19">
        <v>53</v>
      </c>
    </row>
    <row r="7" spans="1:11" ht="15" customHeight="1">
      <c r="A7" s="17" t="s">
        <v>11</v>
      </c>
      <c r="B7" s="17"/>
      <c r="C7" s="13">
        <v>22</v>
      </c>
      <c r="D7" s="19">
        <v>12</v>
      </c>
      <c r="E7" s="19">
        <v>10</v>
      </c>
      <c r="F7" s="19"/>
      <c r="G7" s="18" t="s">
        <v>12</v>
      </c>
      <c r="H7" s="17"/>
      <c r="I7" s="13">
        <v>142</v>
      </c>
      <c r="J7" s="19">
        <v>73</v>
      </c>
      <c r="K7" s="19">
        <v>69</v>
      </c>
    </row>
    <row r="8" spans="1:11" ht="15" customHeight="1">
      <c r="A8" s="17" t="s">
        <v>13</v>
      </c>
      <c r="B8" s="17"/>
      <c r="C8" s="13">
        <v>43</v>
      </c>
      <c r="D8" s="19">
        <v>27</v>
      </c>
      <c r="E8" s="19">
        <v>16</v>
      </c>
      <c r="F8" s="19"/>
      <c r="G8" s="18" t="s">
        <v>14</v>
      </c>
      <c r="H8" s="17"/>
      <c r="I8" s="13">
        <v>126</v>
      </c>
      <c r="J8" s="19">
        <v>68</v>
      </c>
      <c r="K8" s="19">
        <v>58</v>
      </c>
    </row>
    <row r="9" spans="1:11" ht="15" customHeight="1">
      <c r="A9" s="17" t="s">
        <v>15</v>
      </c>
      <c r="B9" s="17"/>
      <c r="C9" s="13">
        <v>36</v>
      </c>
      <c r="D9" s="19">
        <v>16</v>
      </c>
      <c r="E9" s="19">
        <v>20</v>
      </c>
      <c r="F9" s="19"/>
      <c r="G9" s="18" t="s">
        <v>16</v>
      </c>
      <c r="H9" s="17"/>
      <c r="I9" s="13">
        <v>131</v>
      </c>
      <c r="J9" s="19">
        <v>67</v>
      </c>
      <c r="K9" s="19">
        <v>64</v>
      </c>
    </row>
    <row r="10" spans="1:11" ht="15" customHeight="1">
      <c r="A10" s="17" t="s">
        <v>17</v>
      </c>
      <c r="B10" s="17"/>
      <c r="C10" s="13">
        <v>45</v>
      </c>
      <c r="D10" s="19">
        <v>22</v>
      </c>
      <c r="E10" s="19">
        <v>23</v>
      </c>
      <c r="F10" s="19"/>
      <c r="G10" s="18" t="s">
        <v>18</v>
      </c>
      <c r="H10" s="17"/>
      <c r="I10" s="13">
        <v>133</v>
      </c>
      <c r="J10" s="19">
        <v>71</v>
      </c>
      <c r="K10" s="19">
        <v>62</v>
      </c>
    </row>
    <row r="11" spans="1:11" ht="20.100000000000001" customHeight="1">
      <c r="A11" s="17" t="s">
        <v>19</v>
      </c>
      <c r="B11" s="17"/>
      <c r="C11" s="13">
        <v>306</v>
      </c>
      <c r="D11" s="14">
        <v>149</v>
      </c>
      <c r="E11" s="14">
        <v>157</v>
      </c>
      <c r="F11" s="14"/>
      <c r="G11" s="18" t="s">
        <v>20</v>
      </c>
      <c r="H11" s="17"/>
      <c r="I11" s="13">
        <v>633</v>
      </c>
      <c r="J11" s="14">
        <v>339</v>
      </c>
      <c r="K11" s="14">
        <v>294</v>
      </c>
    </row>
    <row r="12" spans="1:11" ht="15" customHeight="1">
      <c r="A12" s="17" t="s">
        <v>21</v>
      </c>
      <c r="B12" s="17"/>
      <c r="C12" s="13">
        <v>45</v>
      </c>
      <c r="D12" s="19">
        <v>24</v>
      </c>
      <c r="E12" s="19">
        <v>21</v>
      </c>
      <c r="F12" s="19"/>
      <c r="G12" s="18" t="s">
        <v>22</v>
      </c>
      <c r="H12" s="17"/>
      <c r="I12" s="13">
        <v>108</v>
      </c>
      <c r="J12" s="19">
        <v>54</v>
      </c>
      <c r="K12" s="19">
        <v>54</v>
      </c>
    </row>
    <row r="13" spans="1:11" ht="15" customHeight="1">
      <c r="A13" s="17" t="s">
        <v>23</v>
      </c>
      <c r="B13" s="17"/>
      <c r="C13" s="13">
        <v>58</v>
      </c>
      <c r="D13" s="19">
        <v>31</v>
      </c>
      <c r="E13" s="19">
        <v>27</v>
      </c>
      <c r="F13" s="19"/>
      <c r="G13" s="18" t="s">
        <v>24</v>
      </c>
      <c r="H13" s="17"/>
      <c r="I13" s="13">
        <v>148</v>
      </c>
      <c r="J13" s="19">
        <v>87</v>
      </c>
      <c r="K13" s="19">
        <v>61</v>
      </c>
    </row>
    <row r="14" spans="1:11" ht="15" customHeight="1">
      <c r="A14" s="17" t="s">
        <v>25</v>
      </c>
      <c r="B14" s="17"/>
      <c r="C14" s="13">
        <v>60</v>
      </c>
      <c r="D14" s="19">
        <v>29</v>
      </c>
      <c r="E14" s="19">
        <v>31</v>
      </c>
      <c r="F14" s="19"/>
      <c r="G14" s="18" t="s">
        <v>26</v>
      </c>
      <c r="H14" s="17"/>
      <c r="I14" s="13">
        <v>120</v>
      </c>
      <c r="J14" s="19">
        <v>55</v>
      </c>
      <c r="K14" s="19">
        <v>65</v>
      </c>
    </row>
    <row r="15" spans="1:11" ht="15" customHeight="1">
      <c r="A15" s="17" t="s">
        <v>27</v>
      </c>
      <c r="B15" s="17"/>
      <c r="C15" s="13">
        <v>76</v>
      </c>
      <c r="D15" s="19">
        <v>35</v>
      </c>
      <c r="E15" s="19">
        <v>41</v>
      </c>
      <c r="F15" s="19"/>
      <c r="G15" s="18" t="s">
        <v>28</v>
      </c>
      <c r="H15" s="17"/>
      <c r="I15" s="13">
        <v>123</v>
      </c>
      <c r="J15" s="19">
        <v>67</v>
      </c>
      <c r="K15" s="19">
        <v>56</v>
      </c>
    </row>
    <row r="16" spans="1:11" ht="15" customHeight="1">
      <c r="A16" s="17" t="s">
        <v>29</v>
      </c>
      <c r="B16" s="17"/>
      <c r="C16" s="13">
        <v>67</v>
      </c>
      <c r="D16" s="19">
        <v>30</v>
      </c>
      <c r="E16" s="19">
        <v>37</v>
      </c>
      <c r="F16" s="19"/>
      <c r="G16" s="18" t="s">
        <v>30</v>
      </c>
      <c r="H16" s="17"/>
      <c r="I16" s="13">
        <v>134</v>
      </c>
      <c r="J16" s="19">
        <v>76</v>
      </c>
      <c r="K16" s="19">
        <v>58</v>
      </c>
    </row>
    <row r="17" spans="1:11" ht="20.100000000000001" customHeight="1">
      <c r="A17" s="20" t="s">
        <v>31</v>
      </c>
      <c r="B17" s="20"/>
      <c r="C17" s="13">
        <v>314</v>
      </c>
      <c r="D17" s="14">
        <v>165</v>
      </c>
      <c r="E17" s="14">
        <v>149</v>
      </c>
      <c r="F17" s="14"/>
      <c r="G17" s="18" t="s">
        <v>32</v>
      </c>
      <c r="H17" s="17"/>
      <c r="I17" s="13">
        <v>718</v>
      </c>
      <c r="J17" s="14">
        <v>363</v>
      </c>
      <c r="K17" s="14">
        <v>355</v>
      </c>
    </row>
    <row r="18" spans="1:11" ht="15" customHeight="1">
      <c r="A18" s="17" t="s">
        <v>33</v>
      </c>
      <c r="B18" s="17"/>
      <c r="C18" s="13">
        <v>62</v>
      </c>
      <c r="D18" s="19">
        <v>30</v>
      </c>
      <c r="E18" s="19">
        <v>32</v>
      </c>
      <c r="F18" s="19"/>
      <c r="G18" s="18" t="s">
        <v>34</v>
      </c>
      <c r="H18" s="17"/>
      <c r="I18" s="13">
        <v>128</v>
      </c>
      <c r="J18" s="19">
        <v>56</v>
      </c>
      <c r="K18" s="19">
        <v>72</v>
      </c>
    </row>
    <row r="19" spans="1:11" ht="15" customHeight="1">
      <c r="A19" s="17" t="s">
        <v>35</v>
      </c>
      <c r="B19" s="17"/>
      <c r="C19" s="13">
        <v>61</v>
      </c>
      <c r="D19" s="19">
        <v>37</v>
      </c>
      <c r="E19" s="19">
        <v>24</v>
      </c>
      <c r="F19" s="19"/>
      <c r="G19" s="18" t="s">
        <v>36</v>
      </c>
      <c r="H19" s="17"/>
      <c r="I19" s="13">
        <v>141</v>
      </c>
      <c r="J19" s="19">
        <v>74</v>
      </c>
      <c r="K19" s="19">
        <v>67</v>
      </c>
    </row>
    <row r="20" spans="1:11" ht="15" customHeight="1">
      <c r="A20" s="17" t="s">
        <v>37</v>
      </c>
      <c r="B20" s="17"/>
      <c r="C20" s="13">
        <v>61</v>
      </c>
      <c r="D20" s="19">
        <v>34</v>
      </c>
      <c r="E20" s="19">
        <v>27</v>
      </c>
      <c r="F20" s="19"/>
      <c r="G20" s="18" t="s">
        <v>38</v>
      </c>
      <c r="H20" s="17"/>
      <c r="I20" s="13">
        <v>138</v>
      </c>
      <c r="J20" s="19">
        <v>74</v>
      </c>
      <c r="K20" s="19">
        <v>64</v>
      </c>
    </row>
    <row r="21" spans="1:11" ht="15" customHeight="1">
      <c r="A21" s="17" t="s">
        <v>39</v>
      </c>
      <c r="B21" s="17"/>
      <c r="C21" s="13">
        <v>69</v>
      </c>
      <c r="D21" s="19">
        <v>33</v>
      </c>
      <c r="E21" s="19">
        <v>36</v>
      </c>
      <c r="F21" s="19"/>
      <c r="G21" s="18" t="s">
        <v>40</v>
      </c>
      <c r="H21" s="17"/>
      <c r="I21" s="13">
        <v>164</v>
      </c>
      <c r="J21" s="19">
        <v>83</v>
      </c>
      <c r="K21" s="19">
        <v>81</v>
      </c>
    </row>
    <row r="22" spans="1:11" ht="15" customHeight="1">
      <c r="A22" s="17" t="s">
        <v>41</v>
      </c>
      <c r="B22" s="17"/>
      <c r="C22" s="13">
        <v>61</v>
      </c>
      <c r="D22" s="19">
        <v>31</v>
      </c>
      <c r="E22" s="19">
        <v>30</v>
      </c>
      <c r="F22" s="19"/>
      <c r="G22" s="18" t="s">
        <v>42</v>
      </c>
      <c r="H22" s="17"/>
      <c r="I22" s="13">
        <v>147</v>
      </c>
      <c r="J22" s="19">
        <v>76</v>
      </c>
      <c r="K22" s="19">
        <v>71</v>
      </c>
    </row>
    <row r="23" spans="1:11" ht="20.100000000000001" customHeight="1">
      <c r="A23" s="17" t="s">
        <v>43</v>
      </c>
      <c r="B23" s="17"/>
      <c r="C23" s="13">
        <v>369</v>
      </c>
      <c r="D23" s="14">
        <v>189</v>
      </c>
      <c r="E23" s="14">
        <v>180</v>
      </c>
      <c r="F23" s="14"/>
      <c r="G23" s="18" t="s">
        <v>44</v>
      </c>
      <c r="H23" s="17"/>
      <c r="I23" s="13">
        <v>872</v>
      </c>
      <c r="J23" s="14">
        <v>422</v>
      </c>
      <c r="K23" s="14">
        <v>450</v>
      </c>
    </row>
    <row r="24" spans="1:11" ht="15" customHeight="1">
      <c r="A24" s="17" t="s">
        <v>45</v>
      </c>
      <c r="B24" s="17"/>
      <c r="C24" s="13">
        <v>75</v>
      </c>
      <c r="D24" s="19">
        <v>36</v>
      </c>
      <c r="E24" s="19">
        <v>39</v>
      </c>
      <c r="F24" s="19"/>
      <c r="G24" s="18" t="s">
        <v>46</v>
      </c>
      <c r="H24" s="17"/>
      <c r="I24" s="13">
        <v>177</v>
      </c>
      <c r="J24" s="19">
        <v>90</v>
      </c>
      <c r="K24" s="19">
        <v>87</v>
      </c>
    </row>
    <row r="25" spans="1:11" ht="15" customHeight="1">
      <c r="A25" s="17" t="s">
        <v>47</v>
      </c>
      <c r="B25" s="17"/>
      <c r="C25" s="13">
        <v>66</v>
      </c>
      <c r="D25" s="19">
        <v>36</v>
      </c>
      <c r="E25" s="19">
        <v>30</v>
      </c>
      <c r="F25" s="19"/>
      <c r="G25" s="18" t="s">
        <v>48</v>
      </c>
      <c r="H25" s="17"/>
      <c r="I25" s="13">
        <v>167</v>
      </c>
      <c r="J25" s="19">
        <v>76</v>
      </c>
      <c r="K25" s="19">
        <v>91</v>
      </c>
    </row>
    <row r="26" spans="1:11" ht="15" customHeight="1">
      <c r="A26" s="17" t="s">
        <v>49</v>
      </c>
      <c r="B26" s="17"/>
      <c r="C26" s="13">
        <v>76</v>
      </c>
      <c r="D26" s="19">
        <v>40</v>
      </c>
      <c r="E26" s="19">
        <v>36</v>
      </c>
      <c r="F26" s="19"/>
      <c r="G26" s="18" t="s">
        <v>50</v>
      </c>
      <c r="H26" s="17"/>
      <c r="I26" s="13">
        <v>167</v>
      </c>
      <c r="J26" s="19">
        <v>71</v>
      </c>
      <c r="K26" s="19">
        <v>96</v>
      </c>
    </row>
    <row r="27" spans="1:11" ht="15" customHeight="1">
      <c r="A27" s="17" t="s">
        <v>51</v>
      </c>
      <c r="B27" s="17"/>
      <c r="C27" s="13">
        <v>81</v>
      </c>
      <c r="D27" s="19">
        <v>41</v>
      </c>
      <c r="E27" s="19">
        <v>40</v>
      </c>
      <c r="F27" s="19"/>
      <c r="G27" s="18" t="s">
        <v>52</v>
      </c>
      <c r="H27" s="17"/>
      <c r="I27" s="13">
        <v>174</v>
      </c>
      <c r="J27" s="19">
        <v>91</v>
      </c>
      <c r="K27" s="19">
        <v>83</v>
      </c>
    </row>
    <row r="28" spans="1:11" ht="15" customHeight="1">
      <c r="A28" s="17" t="s">
        <v>53</v>
      </c>
      <c r="B28" s="17"/>
      <c r="C28" s="13">
        <v>71</v>
      </c>
      <c r="D28" s="19">
        <v>36</v>
      </c>
      <c r="E28" s="19">
        <v>35</v>
      </c>
      <c r="F28" s="19"/>
      <c r="G28" s="18" t="s">
        <v>54</v>
      </c>
      <c r="H28" s="17"/>
      <c r="I28" s="13">
        <v>187</v>
      </c>
      <c r="J28" s="19">
        <v>94</v>
      </c>
      <c r="K28" s="19">
        <v>93</v>
      </c>
    </row>
    <row r="29" spans="1:11" ht="20.100000000000001" customHeight="1">
      <c r="A29" s="17" t="s">
        <v>55</v>
      </c>
      <c r="B29" s="17"/>
      <c r="C29" s="13">
        <v>354</v>
      </c>
      <c r="D29" s="14">
        <v>193</v>
      </c>
      <c r="E29" s="14">
        <v>161</v>
      </c>
      <c r="F29" s="14"/>
      <c r="G29" s="18" t="s">
        <v>56</v>
      </c>
      <c r="H29" s="17"/>
      <c r="I29" s="13">
        <v>1111</v>
      </c>
      <c r="J29" s="14">
        <v>546</v>
      </c>
      <c r="K29" s="14">
        <v>565</v>
      </c>
    </row>
    <row r="30" spans="1:11" ht="15" customHeight="1">
      <c r="A30" s="17" t="s">
        <v>57</v>
      </c>
      <c r="B30" s="17"/>
      <c r="C30" s="13">
        <v>76</v>
      </c>
      <c r="D30" s="19">
        <v>44</v>
      </c>
      <c r="E30" s="19">
        <v>32</v>
      </c>
      <c r="F30" s="19"/>
      <c r="G30" s="18" t="s">
        <v>58</v>
      </c>
      <c r="H30" s="17"/>
      <c r="I30" s="13">
        <v>190</v>
      </c>
      <c r="J30" s="19">
        <v>99</v>
      </c>
      <c r="K30" s="19">
        <v>91</v>
      </c>
    </row>
    <row r="31" spans="1:11" ht="15" customHeight="1">
      <c r="A31" s="17" t="s">
        <v>59</v>
      </c>
      <c r="B31" s="17"/>
      <c r="C31" s="13">
        <v>74</v>
      </c>
      <c r="D31" s="19">
        <v>37</v>
      </c>
      <c r="E31" s="19">
        <v>37</v>
      </c>
      <c r="F31" s="19"/>
      <c r="G31" s="18" t="s">
        <v>60</v>
      </c>
      <c r="H31" s="17"/>
      <c r="I31" s="13">
        <v>244</v>
      </c>
      <c r="J31" s="19">
        <v>115</v>
      </c>
      <c r="K31" s="19">
        <v>129</v>
      </c>
    </row>
    <row r="32" spans="1:11" ht="15" customHeight="1">
      <c r="A32" s="17" t="s">
        <v>61</v>
      </c>
      <c r="B32" s="17"/>
      <c r="C32" s="13">
        <v>74</v>
      </c>
      <c r="D32" s="19">
        <v>41</v>
      </c>
      <c r="E32" s="19">
        <v>33</v>
      </c>
      <c r="F32" s="19"/>
      <c r="G32" s="18" t="s">
        <v>62</v>
      </c>
      <c r="H32" s="17"/>
      <c r="I32" s="13">
        <v>227</v>
      </c>
      <c r="J32" s="19">
        <v>109</v>
      </c>
      <c r="K32" s="19">
        <v>118</v>
      </c>
    </row>
    <row r="33" spans="1:11" ht="15" customHeight="1">
      <c r="A33" s="17" t="s">
        <v>63</v>
      </c>
      <c r="B33" s="17"/>
      <c r="C33" s="13">
        <v>64</v>
      </c>
      <c r="D33" s="19">
        <v>37</v>
      </c>
      <c r="E33" s="19">
        <v>27</v>
      </c>
      <c r="F33" s="19"/>
      <c r="G33" s="18" t="s">
        <v>64</v>
      </c>
      <c r="H33" s="17"/>
      <c r="I33" s="13">
        <v>216</v>
      </c>
      <c r="J33" s="19">
        <v>104</v>
      </c>
      <c r="K33" s="19">
        <v>112</v>
      </c>
    </row>
    <row r="34" spans="1:11" ht="15" customHeight="1">
      <c r="A34" s="17" t="s">
        <v>65</v>
      </c>
      <c r="B34" s="17"/>
      <c r="C34" s="13">
        <v>66</v>
      </c>
      <c r="D34" s="19">
        <v>34</v>
      </c>
      <c r="E34" s="19">
        <v>32</v>
      </c>
      <c r="F34" s="19"/>
      <c r="G34" s="18" t="s">
        <v>66</v>
      </c>
      <c r="H34" s="17"/>
      <c r="I34" s="13">
        <v>234</v>
      </c>
      <c r="J34" s="19">
        <v>119</v>
      </c>
      <c r="K34" s="19">
        <v>115</v>
      </c>
    </row>
    <row r="35" spans="1:11" ht="20.100000000000001" customHeight="1">
      <c r="A35" s="17" t="s">
        <v>67</v>
      </c>
      <c r="B35" s="17"/>
      <c r="C35" s="13">
        <v>296</v>
      </c>
      <c r="D35" s="14">
        <v>178</v>
      </c>
      <c r="E35" s="14">
        <v>118</v>
      </c>
      <c r="F35" s="14"/>
      <c r="G35" s="18" t="s">
        <v>68</v>
      </c>
      <c r="H35" s="17"/>
      <c r="I35" s="13">
        <v>645</v>
      </c>
      <c r="J35" s="14">
        <v>313</v>
      </c>
      <c r="K35" s="14">
        <v>332</v>
      </c>
    </row>
    <row r="36" spans="1:11" ht="15" customHeight="1">
      <c r="A36" s="17" t="s">
        <v>69</v>
      </c>
      <c r="B36" s="17"/>
      <c r="C36" s="13">
        <v>57</v>
      </c>
      <c r="D36" s="19">
        <v>36</v>
      </c>
      <c r="E36" s="19">
        <v>21</v>
      </c>
      <c r="F36" s="19"/>
      <c r="G36" s="18" t="s">
        <v>70</v>
      </c>
      <c r="H36" s="17"/>
      <c r="I36" s="13">
        <v>132</v>
      </c>
      <c r="J36" s="19">
        <v>59</v>
      </c>
      <c r="K36" s="19">
        <v>73</v>
      </c>
    </row>
    <row r="37" spans="1:11" ht="15" customHeight="1">
      <c r="A37" s="17" t="s">
        <v>71</v>
      </c>
      <c r="B37" s="17"/>
      <c r="C37" s="13">
        <v>54</v>
      </c>
      <c r="D37" s="19">
        <v>30</v>
      </c>
      <c r="E37" s="19">
        <v>24</v>
      </c>
      <c r="F37" s="19"/>
      <c r="G37" s="18" t="s">
        <v>72</v>
      </c>
      <c r="H37" s="17"/>
      <c r="I37" s="13">
        <v>129</v>
      </c>
      <c r="J37" s="19">
        <v>65</v>
      </c>
      <c r="K37" s="19">
        <v>64</v>
      </c>
    </row>
    <row r="38" spans="1:11" ht="15" customHeight="1">
      <c r="A38" s="17" t="s">
        <v>73</v>
      </c>
      <c r="B38" s="17"/>
      <c r="C38" s="13">
        <v>65</v>
      </c>
      <c r="D38" s="19">
        <v>34</v>
      </c>
      <c r="E38" s="19">
        <v>31</v>
      </c>
      <c r="F38" s="19"/>
      <c r="G38" s="18" t="s">
        <v>74</v>
      </c>
      <c r="H38" s="17"/>
      <c r="I38" s="13">
        <v>130</v>
      </c>
      <c r="J38" s="19">
        <v>66</v>
      </c>
      <c r="K38" s="19">
        <v>64</v>
      </c>
    </row>
    <row r="39" spans="1:11" ht="15" customHeight="1">
      <c r="A39" s="17" t="s">
        <v>75</v>
      </c>
      <c r="B39" s="17"/>
      <c r="C39" s="13">
        <v>59</v>
      </c>
      <c r="D39" s="19">
        <v>39</v>
      </c>
      <c r="E39" s="19">
        <v>20</v>
      </c>
      <c r="F39" s="19"/>
      <c r="G39" s="18" t="s">
        <v>76</v>
      </c>
      <c r="H39" s="17"/>
      <c r="I39" s="13">
        <v>129</v>
      </c>
      <c r="J39" s="19">
        <v>73</v>
      </c>
      <c r="K39" s="19">
        <v>56</v>
      </c>
    </row>
    <row r="40" spans="1:11" ht="15" customHeight="1">
      <c r="A40" s="17" t="s">
        <v>77</v>
      </c>
      <c r="B40" s="17"/>
      <c r="C40" s="13">
        <v>61</v>
      </c>
      <c r="D40" s="19">
        <v>39</v>
      </c>
      <c r="E40" s="19">
        <v>22</v>
      </c>
      <c r="F40" s="19"/>
      <c r="G40" s="18" t="s">
        <v>78</v>
      </c>
      <c r="H40" s="17"/>
      <c r="I40" s="13">
        <v>125</v>
      </c>
      <c r="J40" s="19">
        <v>50</v>
      </c>
      <c r="K40" s="19">
        <v>75</v>
      </c>
    </row>
    <row r="41" spans="1:11" ht="20.100000000000001" customHeight="1">
      <c r="A41" s="17" t="s">
        <v>79</v>
      </c>
      <c r="B41" s="17"/>
      <c r="C41" s="13">
        <v>323</v>
      </c>
      <c r="D41" s="14">
        <v>175</v>
      </c>
      <c r="E41" s="14">
        <v>148</v>
      </c>
      <c r="F41" s="14"/>
      <c r="G41" s="18" t="s">
        <v>80</v>
      </c>
      <c r="H41" s="17"/>
      <c r="I41" s="13">
        <v>581</v>
      </c>
      <c r="J41" s="14">
        <v>232</v>
      </c>
      <c r="K41" s="14">
        <v>349</v>
      </c>
    </row>
    <row r="42" spans="1:11" ht="15" customHeight="1">
      <c r="A42" s="17" t="s">
        <v>81</v>
      </c>
      <c r="B42" s="17"/>
      <c r="C42" s="13">
        <v>54</v>
      </c>
      <c r="D42" s="19">
        <v>26</v>
      </c>
      <c r="E42" s="19">
        <v>28</v>
      </c>
      <c r="F42" s="19"/>
      <c r="G42" s="18" t="s">
        <v>82</v>
      </c>
      <c r="H42" s="17"/>
      <c r="I42" s="13">
        <v>138</v>
      </c>
      <c r="J42" s="19">
        <v>57</v>
      </c>
      <c r="K42" s="19">
        <v>81</v>
      </c>
    </row>
    <row r="43" spans="1:11" ht="15" customHeight="1">
      <c r="A43" s="17" t="s">
        <v>83</v>
      </c>
      <c r="B43" s="17"/>
      <c r="C43" s="13">
        <v>43</v>
      </c>
      <c r="D43" s="19">
        <v>24</v>
      </c>
      <c r="E43" s="19">
        <v>19</v>
      </c>
      <c r="F43" s="19"/>
      <c r="G43" s="18" t="s">
        <v>84</v>
      </c>
      <c r="H43" s="17"/>
      <c r="I43" s="13">
        <v>138</v>
      </c>
      <c r="J43" s="19">
        <v>50</v>
      </c>
      <c r="K43" s="19">
        <v>88</v>
      </c>
    </row>
    <row r="44" spans="1:11" ht="15" customHeight="1">
      <c r="A44" s="17" t="s">
        <v>85</v>
      </c>
      <c r="B44" s="17"/>
      <c r="C44" s="13">
        <v>63</v>
      </c>
      <c r="D44" s="19">
        <v>38</v>
      </c>
      <c r="E44" s="19">
        <v>25</v>
      </c>
      <c r="F44" s="19"/>
      <c r="G44" s="18" t="s">
        <v>86</v>
      </c>
      <c r="H44" s="17"/>
      <c r="I44" s="13">
        <v>97</v>
      </c>
      <c r="J44" s="19">
        <v>39</v>
      </c>
      <c r="K44" s="19">
        <v>58</v>
      </c>
    </row>
    <row r="45" spans="1:11" ht="15" customHeight="1">
      <c r="A45" s="17" t="s">
        <v>87</v>
      </c>
      <c r="B45" s="17"/>
      <c r="C45" s="13">
        <v>84</v>
      </c>
      <c r="D45" s="19">
        <v>45</v>
      </c>
      <c r="E45" s="19">
        <v>39</v>
      </c>
      <c r="F45" s="19"/>
      <c r="G45" s="18" t="s">
        <v>88</v>
      </c>
      <c r="H45" s="17"/>
      <c r="I45" s="13">
        <v>109</v>
      </c>
      <c r="J45" s="19">
        <v>46</v>
      </c>
      <c r="K45" s="19">
        <v>63</v>
      </c>
    </row>
    <row r="46" spans="1:11" ht="15" customHeight="1">
      <c r="A46" s="17" t="s">
        <v>89</v>
      </c>
      <c r="B46" s="17"/>
      <c r="C46" s="13">
        <v>79</v>
      </c>
      <c r="D46" s="19">
        <v>42</v>
      </c>
      <c r="E46" s="19">
        <v>37</v>
      </c>
      <c r="F46" s="19"/>
      <c r="G46" s="18" t="s">
        <v>90</v>
      </c>
      <c r="H46" s="17"/>
      <c r="I46" s="13">
        <v>99</v>
      </c>
      <c r="J46" s="19">
        <v>40</v>
      </c>
      <c r="K46" s="19">
        <v>59</v>
      </c>
    </row>
    <row r="47" spans="1:11" ht="20.100000000000001" customHeight="1">
      <c r="A47" s="17" t="s">
        <v>91</v>
      </c>
      <c r="B47" s="17"/>
      <c r="C47" s="13">
        <v>414</v>
      </c>
      <c r="D47" s="14">
        <v>232</v>
      </c>
      <c r="E47" s="14">
        <v>182</v>
      </c>
      <c r="F47" s="14"/>
      <c r="G47" s="18" t="s">
        <v>92</v>
      </c>
      <c r="H47" s="17"/>
      <c r="I47" s="13">
        <v>416</v>
      </c>
      <c r="J47" s="14">
        <v>157</v>
      </c>
      <c r="K47" s="14">
        <v>259</v>
      </c>
    </row>
    <row r="48" spans="1:11" ht="15" customHeight="1">
      <c r="A48" s="17" t="s">
        <v>93</v>
      </c>
      <c r="B48" s="17"/>
      <c r="C48" s="13">
        <v>77</v>
      </c>
      <c r="D48" s="19">
        <v>37</v>
      </c>
      <c r="E48" s="19">
        <v>40</v>
      </c>
      <c r="F48" s="19"/>
      <c r="G48" s="18" t="s">
        <v>94</v>
      </c>
      <c r="H48" s="17"/>
      <c r="I48" s="13">
        <v>101</v>
      </c>
      <c r="J48" s="19">
        <v>44</v>
      </c>
      <c r="K48" s="19">
        <v>57</v>
      </c>
    </row>
    <row r="49" spans="1:11" ht="15" customHeight="1">
      <c r="A49" s="17" t="s">
        <v>95</v>
      </c>
      <c r="B49" s="17"/>
      <c r="C49" s="13">
        <v>74</v>
      </c>
      <c r="D49" s="19">
        <v>41</v>
      </c>
      <c r="E49" s="19">
        <v>33</v>
      </c>
      <c r="F49" s="19"/>
      <c r="G49" s="18" t="s">
        <v>96</v>
      </c>
      <c r="H49" s="17"/>
      <c r="I49" s="13">
        <v>101</v>
      </c>
      <c r="J49" s="19">
        <v>32</v>
      </c>
      <c r="K49" s="19">
        <v>69</v>
      </c>
    </row>
    <row r="50" spans="1:11" ht="15" customHeight="1">
      <c r="A50" s="17" t="s">
        <v>97</v>
      </c>
      <c r="B50" s="17"/>
      <c r="C50" s="13">
        <v>87</v>
      </c>
      <c r="D50" s="19">
        <v>49</v>
      </c>
      <c r="E50" s="19">
        <v>38</v>
      </c>
      <c r="F50" s="19"/>
      <c r="G50" s="18" t="s">
        <v>98</v>
      </c>
      <c r="H50" s="17"/>
      <c r="I50" s="13">
        <v>70</v>
      </c>
      <c r="J50" s="19">
        <v>25</v>
      </c>
      <c r="K50" s="19">
        <v>45</v>
      </c>
    </row>
    <row r="51" spans="1:11" ht="15" customHeight="1">
      <c r="A51" s="17" t="s">
        <v>99</v>
      </c>
      <c r="B51" s="17"/>
      <c r="C51" s="13">
        <v>91</v>
      </c>
      <c r="D51" s="19">
        <v>55</v>
      </c>
      <c r="E51" s="19">
        <v>36</v>
      </c>
      <c r="F51" s="19"/>
      <c r="G51" s="18" t="s">
        <v>100</v>
      </c>
      <c r="H51" s="17"/>
      <c r="I51" s="13">
        <v>77</v>
      </c>
      <c r="J51" s="19">
        <v>31</v>
      </c>
      <c r="K51" s="19">
        <v>46</v>
      </c>
    </row>
    <row r="52" spans="1:11" ht="15" customHeight="1">
      <c r="A52" s="17" t="s">
        <v>101</v>
      </c>
      <c r="B52" s="17"/>
      <c r="C52" s="13">
        <v>85</v>
      </c>
      <c r="D52" s="19">
        <v>50</v>
      </c>
      <c r="E52" s="19">
        <v>35</v>
      </c>
      <c r="F52" s="19"/>
      <c r="G52" s="18" t="s">
        <v>102</v>
      </c>
      <c r="H52" s="17"/>
      <c r="I52" s="13">
        <v>67</v>
      </c>
      <c r="J52" s="19">
        <v>25</v>
      </c>
      <c r="K52" s="19">
        <v>42</v>
      </c>
    </row>
    <row r="53" spans="1:11" ht="20.100000000000001" customHeight="1">
      <c r="A53" s="17" t="s">
        <v>103</v>
      </c>
      <c r="B53" s="17"/>
      <c r="C53" s="13">
        <v>498</v>
      </c>
      <c r="D53" s="14">
        <v>260</v>
      </c>
      <c r="E53" s="14">
        <v>238</v>
      </c>
      <c r="F53" s="14"/>
      <c r="G53" s="18" t="s">
        <v>104</v>
      </c>
      <c r="H53" s="17"/>
      <c r="I53" s="13">
        <v>210</v>
      </c>
      <c r="J53" s="14">
        <v>59</v>
      </c>
      <c r="K53" s="14">
        <v>151</v>
      </c>
    </row>
    <row r="54" spans="1:11" ht="15" customHeight="1">
      <c r="A54" s="17" t="s">
        <v>105</v>
      </c>
      <c r="B54" s="17"/>
      <c r="C54" s="13">
        <v>81</v>
      </c>
      <c r="D54" s="19">
        <v>38</v>
      </c>
      <c r="E54" s="19">
        <v>43</v>
      </c>
      <c r="F54" s="19"/>
      <c r="G54" s="18" t="s">
        <v>106</v>
      </c>
      <c r="H54" s="17"/>
      <c r="I54" s="13">
        <v>67</v>
      </c>
      <c r="J54" s="19">
        <v>16</v>
      </c>
      <c r="K54" s="19">
        <v>51</v>
      </c>
    </row>
    <row r="55" spans="1:11" ht="15" customHeight="1">
      <c r="A55" s="17" t="s">
        <v>107</v>
      </c>
      <c r="B55" s="17"/>
      <c r="C55" s="13">
        <v>103</v>
      </c>
      <c r="D55" s="19">
        <v>52</v>
      </c>
      <c r="E55" s="19">
        <v>51</v>
      </c>
      <c r="F55" s="19"/>
      <c r="G55" s="18" t="s">
        <v>108</v>
      </c>
      <c r="H55" s="17"/>
      <c r="I55" s="13">
        <v>47</v>
      </c>
      <c r="J55" s="19">
        <v>17</v>
      </c>
      <c r="K55" s="19">
        <v>30</v>
      </c>
    </row>
    <row r="56" spans="1:11" ht="15" customHeight="1">
      <c r="A56" s="17" t="s">
        <v>109</v>
      </c>
      <c r="B56" s="17"/>
      <c r="C56" s="13">
        <v>92</v>
      </c>
      <c r="D56" s="19">
        <v>50</v>
      </c>
      <c r="E56" s="19">
        <v>42</v>
      </c>
      <c r="F56" s="19"/>
      <c r="G56" s="18" t="s">
        <v>110</v>
      </c>
      <c r="H56" s="17"/>
      <c r="I56" s="13">
        <v>29</v>
      </c>
      <c r="J56" s="19">
        <v>9</v>
      </c>
      <c r="K56" s="19">
        <v>20</v>
      </c>
    </row>
    <row r="57" spans="1:11" ht="15" customHeight="1">
      <c r="A57" s="17" t="s">
        <v>111</v>
      </c>
      <c r="B57" s="17"/>
      <c r="C57" s="13">
        <v>101</v>
      </c>
      <c r="D57" s="19">
        <v>54</v>
      </c>
      <c r="E57" s="19">
        <v>47</v>
      </c>
      <c r="F57" s="19"/>
      <c r="G57" s="18" t="s">
        <v>112</v>
      </c>
      <c r="H57" s="17"/>
      <c r="I57" s="13">
        <v>39</v>
      </c>
      <c r="J57" s="19">
        <v>10</v>
      </c>
      <c r="K57" s="19">
        <v>29</v>
      </c>
    </row>
    <row r="58" spans="1:11" ht="15" customHeight="1">
      <c r="A58" s="17" t="s">
        <v>113</v>
      </c>
      <c r="B58" s="17"/>
      <c r="C58" s="13">
        <v>121</v>
      </c>
      <c r="D58" s="19">
        <v>66</v>
      </c>
      <c r="E58" s="19">
        <v>55</v>
      </c>
      <c r="F58" s="19"/>
      <c r="G58" s="18" t="s">
        <v>114</v>
      </c>
      <c r="H58" s="17"/>
      <c r="I58" s="13">
        <v>28</v>
      </c>
      <c r="J58" s="19">
        <v>7</v>
      </c>
      <c r="K58" s="19">
        <v>21</v>
      </c>
    </row>
    <row r="59" spans="1:11" ht="20.100000000000001" customHeight="1">
      <c r="A59" s="17" t="s">
        <v>115</v>
      </c>
      <c r="B59" s="17"/>
      <c r="C59" s="13">
        <v>592</v>
      </c>
      <c r="D59" s="14">
        <v>307</v>
      </c>
      <c r="E59" s="14">
        <v>285</v>
      </c>
      <c r="F59" s="14"/>
      <c r="G59" s="18" t="s">
        <v>116</v>
      </c>
      <c r="H59" s="17"/>
      <c r="I59" s="13">
        <v>55</v>
      </c>
      <c r="J59" s="14">
        <v>11</v>
      </c>
      <c r="K59" s="14">
        <v>44</v>
      </c>
    </row>
    <row r="60" spans="1:11" ht="15" customHeight="1">
      <c r="A60" s="17" t="s">
        <v>117</v>
      </c>
      <c r="B60" s="17"/>
      <c r="C60" s="13">
        <v>114</v>
      </c>
      <c r="D60" s="19">
        <v>64</v>
      </c>
      <c r="E60" s="19">
        <v>50</v>
      </c>
      <c r="F60" s="19"/>
      <c r="G60" s="18" t="s">
        <v>118</v>
      </c>
      <c r="H60" s="17"/>
      <c r="I60" s="13">
        <v>21</v>
      </c>
      <c r="J60" s="19">
        <v>3</v>
      </c>
      <c r="K60" s="19">
        <v>18</v>
      </c>
    </row>
    <row r="61" spans="1:11" ht="15" customHeight="1">
      <c r="A61" s="17" t="s">
        <v>119</v>
      </c>
      <c r="B61" s="17"/>
      <c r="C61" s="13">
        <v>102</v>
      </c>
      <c r="D61" s="19">
        <v>49</v>
      </c>
      <c r="E61" s="19">
        <v>53</v>
      </c>
      <c r="F61" s="19"/>
      <c r="G61" s="18" t="s">
        <v>120</v>
      </c>
      <c r="H61" s="17"/>
      <c r="I61" s="13">
        <v>8</v>
      </c>
      <c r="J61" s="19">
        <v>1</v>
      </c>
      <c r="K61" s="19">
        <v>7</v>
      </c>
    </row>
    <row r="62" spans="1:11" ht="15" customHeight="1">
      <c r="A62" s="17" t="s">
        <v>121</v>
      </c>
      <c r="B62" s="17"/>
      <c r="C62" s="13">
        <v>125</v>
      </c>
      <c r="D62" s="19">
        <v>73</v>
      </c>
      <c r="E62" s="19">
        <v>52</v>
      </c>
      <c r="F62" s="19"/>
      <c r="G62" s="18" t="s">
        <v>122</v>
      </c>
      <c r="H62" s="17"/>
      <c r="I62" s="13">
        <v>12</v>
      </c>
      <c r="J62" s="19">
        <v>1</v>
      </c>
      <c r="K62" s="19">
        <v>11</v>
      </c>
    </row>
    <row r="63" spans="1:11" ht="15" customHeight="1">
      <c r="A63" s="17" t="s">
        <v>123</v>
      </c>
      <c r="B63" s="17"/>
      <c r="C63" s="13">
        <v>135</v>
      </c>
      <c r="D63" s="19">
        <v>64</v>
      </c>
      <c r="E63" s="19">
        <v>71</v>
      </c>
      <c r="F63" s="19"/>
      <c r="G63" s="18" t="s">
        <v>124</v>
      </c>
      <c r="H63" s="17"/>
      <c r="I63" s="13">
        <v>9</v>
      </c>
      <c r="J63" s="19">
        <v>4</v>
      </c>
      <c r="K63" s="19">
        <v>5</v>
      </c>
    </row>
    <row r="64" spans="1:11" ht="15" customHeight="1">
      <c r="A64" s="17" t="s">
        <v>125</v>
      </c>
      <c r="B64" s="17"/>
      <c r="C64" s="13">
        <v>116</v>
      </c>
      <c r="D64" s="19">
        <v>57</v>
      </c>
      <c r="E64" s="19">
        <v>59</v>
      </c>
      <c r="F64" s="19"/>
      <c r="G64" s="18" t="s">
        <v>126</v>
      </c>
      <c r="H64" s="17"/>
      <c r="I64" s="13">
        <v>5</v>
      </c>
      <c r="J64" s="19">
        <v>2</v>
      </c>
      <c r="K64" s="19">
        <v>3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8</v>
      </c>
      <c r="J65" s="19">
        <v>4</v>
      </c>
      <c r="K65" s="19">
        <v>4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28</v>
      </c>
      <c r="J66" s="27">
        <v>16</v>
      </c>
      <c r="K66" s="27">
        <v>12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8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8561</v>
      </c>
      <c r="D4" s="14">
        <v>9020</v>
      </c>
      <c r="E4" s="14">
        <v>9541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811</v>
      </c>
      <c r="D5" s="14">
        <v>421</v>
      </c>
      <c r="E5" s="14">
        <v>390</v>
      </c>
      <c r="F5" s="14"/>
      <c r="G5" s="18" t="s">
        <v>8</v>
      </c>
      <c r="H5" s="17"/>
      <c r="I5" s="13">
        <v>1465</v>
      </c>
      <c r="J5" s="14">
        <v>761</v>
      </c>
      <c r="K5" s="14">
        <v>704</v>
      </c>
    </row>
    <row r="6" spans="1:11" ht="15" customHeight="1">
      <c r="A6" s="17" t="s">
        <v>9</v>
      </c>
      <c r="B6" s="17"/>
      <c r="C6" s="13">
        <v>148</v>
      </c>
      <c r="D6" s="19">
        <v>82</v>
      </c>
      <c r="E6" s="19">
        <v>66</v>
      </c>
      <c r="F6" s="19"/>
      <c r="G6" s="18" t="s">
        <v>10</v>
      </c>
      <c r="H6" s="17"/>
      <c r="I6" s="13">
        <v>309</v>
      </c>
      <c r="J6" s="19">
        <v>161</v>
      </c>
      <c r="K6" s="19">
        <v>148</v>
      </c>
    </row>
    <row r="7" spans="1:11" ht="15" customHeight="1">
      <c r="A7" s="17" t="s">
        <v>11</v>
      </c>
      <c r="B7" s="17"/>
      <c r="C7" s="13">
        <v>154</v>
      </c>
      <c r="D7" s="19">
        <v>87</v>
      </c>
      <c r="E7" s="19">
        <v>67</v>
      </c>
      <c r="F7" s="19"/>
      <c r="G7" s="18" t="s">
        <v>12</v>
      </c>
      <c r="H7" s="17"/>
      <c r="I7" s="13">
        <v>281</v>
      </c>
      <c r="J7" s="19">
        <v>142</v>
      </c>
      <c r="K7" s="19">
        <v>139</v>
      </c>
    </row>
    <row r="8" spans="1:11" ht="15" customHeight="1">
      <c r="A8" s="17" t="s">
        <v>13</v>
      </c>
      <c r="B8" s="17"/>
      <c r="C8" s="13">
        <v>151</v>
      </c>
      <c r="D8" s="19">
        <v>70</v>
      </c>
      <c r="E8" s="19">
        <v>81</v>
      </c>
      <c r="F8" s="19"/>
      <c r="G8" s="18" t="s">
        <v>14</v>
      </c>
      <c r="H8" s="17"/>
      <c r="I8" s="13">
        <v>299</v>
      </c>
      <c r="J8" s="19">
        <v>157</v>
      </c>
      <c r="K8" s="19">
        <v>142</v>
      </c>
    </row>
    <row r="9" spans="1:11" ht="15" customHeight="1">
      <c r="A9" s="17" t="s">
        <v>15</v>
      </c>
      <c r="B9" s="17"/>
      <c r="C9" s="13">
        <v>165</v>
      </c>
      <c r="D9" s="19">
        <v>79</v>
      </c>
      <c r="E9" s="19">
        <v>86</v>
      </c>
      <c r="F9" s="19"/>
      <c r="G9" s="18" t="s">
        <v>16</v>
      </c>
      <c r="H9" s="17"/>
      <c r="I9" s="13">
        <v>277</v>
      </c>
      <c r="J9" s="19">
        <v>151</v>
      </c>
      <c r="K9" s="19">
        <v>126</v>
      </c>
    </row>
    <row r="10" spans="1:11" ht="15" customHeight="1">
      <c r="A10" s="17" t="s">
        <v>17</v>
      </c>
      <c r="B10" s="17"/>
      <c r="C10" s="13">
        <v>193</v>
      </c>
      <c r="D10" s="19">
        <v>103</v>
      </c>
      <c r="E10" s="19">
        <v>90</v>
      </c>
      <c r="F10" s="19"/>
      <c r="G10" s="18" t="s">
        <v>18</v>
      </c>
      <c r="H10" s="17"/>
      <c r="I10" s="13">
        <v>299</v>
      </c>
      <c r="J10" s="19">
        <v>150</v>
      </c>
      <c r="K10" s="19">
        <v>149</v>
      </c>
    </row>
    <row r="11" spans="1:11" ht="20.100000000000001" customHeight="1">
      <c r="A11" s="17" t="s">
        <v>19</v>
      </c>
      <c r="B11" s="17"/>
      <c r="C11" s="13">
        <v>957</v>
      </c>
      <c r="D11" s="14">
        <v>494</v>
      </c>
      <c r="E11" s="14">
        <v>463</v>
      </c>
      <c r="F11" s="14"/>
      <c r="G11" s="18" t="s">
        <v>20</v>
      </c>
      <c r="H11" s="17"/>
      <c r="I11" s="13">
        <v>1098</v>
      </c>
      <c r="J11" s="14">
        <v>546</v>
      </c>
      <c r="K11" s="14">
        <v>552</v>
      </c>
    </row>
    <row r="12" spans="1:11" ht="15" customHeight="1">
      <c r="A12" s="17" t="s">
        <v>21</v>
      </c>
      <c r="B12" s="17"/>
      <c r="C12" s="13">
        <v>171</v>
      </c>
      <c r="D12" s="19">
        <v>80</v>
      </c>
      <c r="E12" s="19">
        <v>91</v>
      </c>
      <c r="F12" s="19"/>
      <c r="G12" s="18" t="s">
        <v>22</v>
      </c>
      <c r="H12" s="17"/>
      <c r="I12" s="13">
        <v>186</v>
      </c>
      <c r="J12" s="19">
        <v>94</v>
      </c>
      <c r="K12" s="19">
        <v>92</v>
      </c>
    </row>
    <row r="13" spans="1:11" ht="15" customHeight="1">
      <c r="A13" s="17" t="s">
        <v>23</v>
      </c>
      <c r="B13" s="17"/>
      <c r="C13" s="13">
        <v>200</v>
      </c>
      <c r="D13" s="19">
        <v>103</v>
      </c>
      <c r="E13" s="19">
        <v>97</v>
      </c>
      <c r="F13" s="19"/>
      <c r="G13" s="18" t="s">
        <v>24</v>
      </c>
      <c r="H13" s="17"/>
      <c r="I13" s="13">
        <v>261</v>
      </c>
      <c r="J13" s="19">
        <v>125</v>
      </c>
      <c r="K13" s="19">
        <v>136</v>
      </c>
    </row>
    <row r="14" spans="1:11" ht="15" customHeight="1">
      <c r="A14" s="17" t="s">
        <v>25</v>
      </c>
      <c r="B14" s="17"/>
      <c r="C14" s="13">
        <v>193</v>
      </c>
      <c r="D14" s="19">
        <v>97</v>
      </c>
      <c r="E14" s="19">
        <v>96</v>
      </c>
      <c r="F14" s="19"/>
      <c r="G14" s="18" t="s">
        <v>26</v>
      </c>
      <c r="H14" s="17"/>
      <c r="I14" s="13">
        <v>235</v>
      </c>
      <c r="J14" s="19">
        <v>113</v>
      </c>
      <c r="K14" s="19">
        <v>122</v>
      </c>
    </row>
    <row r="15" spans="1:11" ht="15" customHeight="1">
      <c r="A15" s="17" t="s">
        <v>27</v>
      </c>
      <c r="B15" s="17"/>
      <c r="C15" s="13">
        <v>209</v>
      </c>
      <c r="D15" s="19">
        <v>111</v>
      </c>
      <c r="E15" s="19">
        <v>98</v>
      </c>
      <c r="F15" s="19"/>
      <c r="G15" s="18" t="s">
        <v>28</v>
      </c>
      <c r="H15" s="17"/>
      <c r="I15" s="13">
        <v>215</v>
      </c>
      <c r="J15" s="19">
        <v>108</v>
      </c>
      <c r="K15" s="19">
        <v>107</v>
      </c>
    </row>
    <row r="16" spans="1:11" ht="15" customHeight="1">
      <c r="A16" s="17" t="s">
        <v>29</v>
      </c>
      <c r="B16" s="17"/>
      <c r="C16" s="13">
        <v>184</v>
      </c>
      <c r="D16" s="19">
        <v>103</v>
      </c>
      <c r="E16" s="19">
        <v>81</v>
      </c>
      <c r="F16" s="19"/>
      <c r="G16" s="18" t="s">
        <v>30</v>
      </c>
      <c r="H16" s="17"/>
      <c r="I16" s="13">
        <v>201</v>
      </c>
      <c r="J16" s="19">
        <v>106</v>
      </c>
      <c r="K16" s="19">
        <v>95</v>
      </c>
    </row>
    <row r="17" spans="1:11" ht="20.100000000000001" customHeight="1">
      <c r="A17" s="20" t="s">
        <v>31</v>
      </c>
      <c r="B17" s="20"/>
      <c r="C17" s="13">
        <v>942</v>
      </c>
      <c r="D17" s="14">
        <v>475</v>
      </c>
      <c r="E17" s="14">
        <v>467</v>
      </c>
      <c r="F17" s="14"/>
      <c r="G17" s="18" t="s">
        <v>32</v>
      </c>
      <c r="H17" s="17"/>
      <c r="I17" s="13">
        <v>886</v>
      </c>
      <c r="J17" s="14">
        <v>447</v>
      </c>
      <c r="K17" s="14">
        <v>439</v>
      </c>
    </row>
    <row r="18" spans="1:11" ht="15" customHeight="1">
      <c r="A18" s="17" t="s">
        <v>33</v>
      </c>
      <c r="B18" s="17"/>
      <c r="C18" s="13">
        <v>201</v>
      </c>
      <c r="D18" s="19">
        <v>91</v>
      </c>
      <c r="E18" s="19">
        <v>110</v>
      </c>
      <c r="F18" s="19"/>
      <c r="G18" s="18" t="s">
        <v>34</v>
      </c>
      <c r="H18" s="17"/>
      <c r="I18" s="13">
        <v>189</v>
      </c>
      <c r="J18" s="19">
        <v>95</v>
      </c>
      <c r="K18" s="19">
        <v>94</v>
      </c>
    </row>
    <row r="19" spans="1:11" ht="15" customHeight="1">
      <c r="A19" s="17" t="s">
        <v>35</v>
      </c>
      <c r="B19" s="17"/>
      <c r="C19" s="13">
        <v>187</v>
      </c>
      <c r="D19" s="19">
        <v>98</v>
      </c>
      <c r="E19" s="19">
        <v>89</v>
      </c>
      <c r="F19" s="19"/>
      <c r="G19" s="18" t="s">
        <v>36</v>
      </c>
      <c r="H19" s="17"/>
      <c r="I19" s="13">
        <v>146</v>
      </c>
      <c r="J19" s="19">
        <v>73</v>
      </c>
      <c r="K19" s="19">
        <v>73</v>
      </c>
    </row>
    <row r="20" spans="1:11" ht="15" customHeight="1">
      <c r="A20" s="17" t="s">
        <v>37</v>
      </c>
      <c r="B20" s="17"/>
      <c r="C20" s="13">
        <v>183</v>
      </c>
      <c r="D20" s="19">
        <v>87</v>
      </c>
      <c r="E20" s="19">
        <v>96</v>
      </c>
      <c r="F20" s="19"/>
      <c r="G20" s="18" t="s">
        <v>38</v>
      </c>
      <c r="H20" s="17"/>
      <c r="I20" s="13">
        <v>168</v>
      </c>
      <c r="J20" s="19">
        <v>94</v>
      </c>
      <c r="K20" s="19">
        <v>74</v>
      </c>
    </row>
    <row r="21" spans="1:11" ht="15" customHeight="1">
      <c r="A21" s="17" t="s">
        <v>39</v>
      </c>
      <c r="B21" s="17"/>
      <c r="C21" s="13">
        <v>190</v>
      </c>
      <c r="D21" s="19">
        <v>96</v>
      </c>
      <c r="E21" s="19">
        <v>94</v>
      </c>
      <c r="F21" s="19"/>
      <c r="G21" s="18" t="s">
        <v>40</v>
      </c>
      <c r="H21" s="17"/>
      <c r="I21" s="13">
        <v>184</v>
      </c>
      <c r="J21" s="19">
        <v>92</v>
      </c>
      <c r="K21" s="19">
        <v>92</v>
      </c>
    </row>
    <row r="22" spans="1:11" ht="15" customHeight="1">
      <c r="A22" s="17" t="s">
        <v>41</v>
      </c>
      <c r="B22" s="17"/>
      <c r="C22" s="13">
        <v>181</v>
      </c>
      <c r="D22" s="19">
        <v>103</v>
      </c>
      <c r="E22" s="19">
        <v>78</v>
      </c>
      <c r="F22" s="19"/>
      <c r="G22" s="18" t="s">
        <v>42</v>
      </c>
      <c r="H22" s="17"/>
      <c r="I22" s="13">
        <v>199</v>
      </c>
      <c r="J22" s="19">
        <v>93</v>
      </c>
      <c r="K22" s="19">
        <v>106</v>
      </c>
    </row>
    <row r="23" spans="1:11" ht="20.100000000000001" customHeight="1">
      <c r="A23" s="17" t="s">
        <v>43</v>
      </c>
      <c r="B23" s="17"/>
      <c r="C23" s="13">
        <v>971</v>
      </c>
      <c r="D23" s="14">
        <v>450</v>
      </c>
      <c r="E23" s="14">
        <v>521</v>
      </c>
      <c r="F23" s="14"/>
      <c r="G23" s="18" t="s">
        <v>44</v>
      </c>
      <c r="H23" s="17"/>
      <c r="I23" s="13">
        <v>971</v>
      </c>
      <c r="J23" s="14">
        <v>462</v>
      </c>
      <c r="K23" s="14">
        <v>509</v>
      </c>
    </row>
    <row r="24" spans="1:11" ht="15" customHeight="1">
      <c r="A24" s="17" t="s">
        <v>45</v>
      </c>
      <c r="B24" s="17"/>
      <c r="C24" s="13">
        <v>176</v>
      </c>
      <c r="D24" s="19">
        <v>78</v>
      </c>
      <c r="E24" s="19">
        <v>98</v>
      </c>
      <c r="F24" s="19"/>
      <c r="G24" s="18" t="s">
        <v>46</v>
      </c>
      <c r="H24" s="17"/>
      <c r="I24" s="13">
        <v>170</v>
      </c>
      <c r="J24" s="19">
        <v>83</v>
      </c>
      <c r="K24" s="19">
        <v>87</v>
      </c>
    </row>
    <row r="25" spans="1:11" ht="15" customHeight="1">
      <c r="A25" s="17" t="s">
        <v>47</v>
      </c>
      <c r="B25" s="17"/>
      <c r="C25" s="13">
        <v>199</v>
      </c>
      <c r="D25" s="19">
        <v>96</v>
      </c>
      <c r="E25" s="19">
        <v>103</v>
      </c>
      <c r="F25" s="19"/>
      <c r="G25" s="18" t="s">
        <v>48</v>
      </c>
      <c r="H25" s="17"/>
      <c r="I25" s="13">
        <v>180</v>
      </c>
      <c r="J25" s="19">
        <v>82</v>
      </c>
      <c r="K25" s="19">
        <v>98</v>
      </c>
    </row>
    <row r="26" spans="1:11" ht="15" customHeight="1">
      <c r="A26" s="17" t="s">
        <v>49</v>
      </c>
      <c r="B26" s="17"/>
      <c r="C26" s="13">
        <v>189</v>
      </c>
      <c r="D26" s="19">
        <v>87</v>
      </c>
      <c r="E26" s="19">
        <v>102</v>
      </c>
      <c r="F26" s="19"/>
      <c r="G26" s="18" t="s">
        <v>50</v>
      </c>
      <c r="H26" s="17"/>
      <c r="I26" s="13">
        <v>183</v>
      </c>
      <c r="J26" s="19">
        <v>86</v>
      </c>
      <c r="K26" s="19">
        <v>97</v>
      </c>
    </row>
    <row r="27" spans="1:11" ht="15" customHeight="1">
      <c r="A27" s="17" t="s">
        <v>51</v>
      </c>
      <c r="B27" s="17"/>
      <c r="C27" s="13">
        <v>189</v>
      </c>
      <c r="D27" s="19">
        <v>90</v>
      </c>
      <c r="E27" s="19">
        <v>99</v>
      </c>
      <c r="F27" s="19"/>
      <c r="G27" s="18" t="s">
        <v>52</v>
      </c>
      <c r="H27" s="17"/>
      <c r="I27" s="13">
        <v>198</v>
      </c>
      <c r="J27" s="19">
        <v>100</v>
      </c>
      <c r="K27" s="19">
        <v>98</v>
      </c>
    </row>
    <row r="28" spans="1:11" ht="15" customHeight="1">
      <c r="A28" s="17" t="s">
        <v>53</v>
      </c>
      <c r="B28" s="17"/>
      <c r="C28" s="13">
        <v>218</v>
      </c>
      <c r="D28" s="19">
        <v>99</v>
      </c>
      <c r="E28" s="19">
        <v>119</v>
      </c>
      <c r="F28" s="19"/>
      <c r="G28" s="18" t="s">
        <v>54</v>
      </c>
      <c r="H28" s="17"/>
      <c r="I28" s="13">
        <v>240</v>
      </c>
      <c r="J28" s="19">
        <v>111</v>
      </c>
      <c r="K28" s="19">
        <v>129</v>
      </c>
    </row>
    <row r="29" spans="1:11" ht="20.100000000000001" customHeight="1">
      <c r="A29" s="17" t="s">
        <v>55</v>
      </c>
      <c r="B29" s="17"/>
      <c r="C29" s="13">
        <v>773</v>
      </c>
      <c r="D29" s="14">
        <v>390</v>
      </c>
      <c r="E29" s="14">
        <v>383</v>
      </c>
      <c r="F29" s="14"/>
      <c r="G29" s="18" t="s">
        <v>56</v>
      </c>
      <c r="H29" s="17"/>
      <c r="I29" s="13">
        <v>1182</v>
      </c>
      <c r="J29" s="14">
        <v>543</v>
      </c>
      <c r="K29" s="14">
        <v>639</v>
      </c>
    </row>
    <row r="30" spans="1:11" ht="15" customHeight="1">
      <c r="A30" s="17" t="s">
        <v>57</v>
      </c>
      <c r="B30" s="17"/>
      <c r="C30" s="13">
        <v>161</v>
      </c>
      <c r="D30" s="19">
        <v>82</v>
      </c>
      <c r="E30" s="19">
        <v>79</v>
      </c>
      <c r="F30" s="19"/>
      <c r="G30" s="18" t="s">
        <v>58</v>
      </c>
      <c r="H30" s="17"/>
      <c r="I30" s="13">
        <v>199</v>
      </c>
      <c r="J30" s="19">
        <v>89</v>
      </c>
      <c r="K30" s="19">
        <v>110</v>
      </c>
    </row>
    <row r="31" spans="1:11" ht="15" customHeight="1">
      <c r="A31" s="17" t="s">
        <v>59</v>
      </c>
      <c r="B31" s="17"/>
      <c r="C31" s="13">
        <v>183</v>
      </c>
      <c r="D31" s="19">
        <v>95</v>
      </c>
      <c r="E31" s="19">
        <v>88</v>
      </c>
      <c r="F31" s="19"/>
      <c r="G31" s="18" t="s">
        <v>60</v>
      </c>
      <c r="H31" s="17"/>
      <c r="I31" s="13">
        <v>225</v>
      </c>
      <c r="J31" s="19">
        <v>93</v>
      </c>
      <c r="K31" s="19">
        <v>132</v>
      </c>
    </row>
    <row r="32" spans="1:11" ht="15" customHeight="1">
      <c r="A32" s="17" t="s">
        <v>61</v>
      </c>
      <c r="B32" s="17"/>
      <c r="C32" s="13">
        <v>156</v>
      </c>
      <c r="D32" s="19">
        <v>86</v>
      </c>
      <c r="E32" s="19">
        <v>70</v>
      </c>
      <c r="F32" s="19"/>
      <c r="G32" s="18" t="s">
        <v>62</v>
      </c>
      <c r="H32" s="17"/>
      <c r="I32" s="13">
        <v>279</v>
      </c>
      <c r="J32" s="19">
        <v>142</v>
      </c>
      <c r="K32" s="19">
        <v>137</v>
      </c>
    </row>
    <row r="33" spans="1:11" ht="15" customHeight="1">
      <c r="A33" s="17" t="s">
        <v>63</v>
      </c>
      <c r="B33" s="17"/>
      <c r="C33" s="13">
        <v>149</v>
      </c>
      <c r="D33" s="19">
        <v>72</v>
      </c>
      <c r="E33" s="19">
        <v>77</v>
      </c>
      <c r="F33" s="19"/>
      <c r="G33" s="18" t="s">
        <v>64</v>
      </c>
      <c r="H33" s="17"/>
      <c r="I33" s="13">
        <v>249</v>
      </c>
      <c r="J33" s="19">
        <v>118</v>
      </c>
      <c r="K33" s="19">
        <v>131</v>
      </c>
    </row>
    <row r="34" spans="1:11" ht="15" customHeight="1">
      <c r="A34" s="17" t="s">
        <v>65</v>
      </c>
      <c r="B34" s="17"/>
      <c r="C34" s="13">
        <v>124</v>
      </c>
      <c r="D34" s="19">
        <v>55</v>
      </c>
      <c r="E34" s="19">
        <v>69</v>
      </c>
      <c r="F34" s="19"/>
      <c r="G34" s="18" t="s">
        <v>66</v>
      </c>
      <c r="H34" s="17"/>
      <c r="I34" s="13">
        <v>230</v>
      </c>
      <c r="J34" s="19">
        <v>101</v>
      </c>
      <c r="K34" s="19">
        <v>129</v>
      </c>
    </row>
    <row r="35" spans="1:11" ht="20.100000000000001" customHeight="1">
      <c r="A35" s="17" t="s">
        <v>67</v>
      </c>
      <c r="B35" s="17"/>
      <c r="C35" s="13">
        <v>790</v>
      </c>
      <c r="D35" s="14">
        <v>401</v>
      </c>
      <c r="E35" s="14">
        <v>389</v>
      </c>
      <c r="F35" s="14"/>
      <c r="G35" s="18" t="s">
        <v>68</v>
      </c>
      <c r="H35" s="17"/>
      <c r="I35" s="13">
        <v>958</v>
      </c>
      <c r="J35" s="14">
        <v>416</v>
      </c>
      <c r="K35" s="14">
        <v>542</v>
      </c>
    </row>
    <row r="36" spans="1:11" ht="15" customHeight="1">
      <c r="A36" s="17" t="s">
        <v>69</v>
      </c>
      <c r="B36" s="17"/>
      <c r="C36" s="13">
        <v>172</v>
      </c>
      <c r="D36" s="19">
        <v>90</v>
      </c>
      <c r="E36" s="19">
        <v>82</v>
      </c>
      <c r="F36" s="19"/>
      <c r="G36" s="18" t="s">
        <v>70</v>
      </c>
      <c r="H36" s="17"/>
      <c r="I36" s="13">
        <v>182</v>
      </c>
      <c r="J36" s="19">
        <v>80</v>
      </c>
      <c r="K36" s="19">
        <v>102</v>
      </c>
    </row>
    <row r="37" spans="1:11" ht="15" customHeight="1">
      <c r="A37" s="17" t="s">
        <v>71</v>
      </c>
      <c r="B37" s="17"/>
      <c r="C37" s="13">
        <v>154</v>
      </c>
      <c r="D37" s="19">
        <v>77</v>
      </c>
      <c r="E37" s="19">
        <v>77</v>
      </c>
      <c r="F37" s="19"/>
      <c r="G37" s="18" t="s">
        <v>72</v>
      </c>
      <c r="H37" s="17"/>
      <c r="I37" s="13">
        <v>147</v>
      </c>
      <c r="J37" s="19">
        <v>64</v>
      </c>
      <c r="K37" s="19">
        <v>83</v>
      </c>
    </row>
    <row r="38" spans="1:11" ht="15" customHeight="1">
      <c r="A38" s="17" t="s">
        <v>73</v>
      </c>
      <c r="B38" s="17"/>
      <c r="C38" s="13">
        <v>149</v>
      </c>
      <c r="D38" s="19">
        <v>72</v>
      </c>
      <c r="E38" s="19">
        <v>77</v>
      </c>
      <c r="F38" s="19"/>
      <c r="G38" s="18" t="s">
        <v>74</v>
      </c>
      <c r="H38" s="17"/>
      <c r="I38" s="13">
        <v>216</v>
      </c>
      <c r="J38" s="19">
        <v>87</v>
      </c>
      <c r="K38" s="19">
        <v>129</v>
      </c>
    </row>
    <row r="39" spans="1:11" ht="15" customHeight="1">
      <c r="A39" s="17" t="s">
        <v>75</v>
      </c>
      <c r="B39" s="17"/>
      <c r="C39" s="13">
        <v>165</v>
      </c>
      <c r="D39" s="19">
        <v>87</v>
      </c>
      <c r="E39" s="19">
        <v>78</v>
      </c>
      <c r="F39" s="19"/>
      <c r="G39" s="18" t="s">
        <v>76</v>
      </c>
      <c r="H39" s="17"/>
      <c r="I39" s="13">
        <v>203</v>
      </c>
      <c r="J39" s="19">
        <v>88</v>
      </c>
      <c r="K39" s="19">
        <v>115</v>
      </c>
    </row>
    <row r="40" spans="1:11" ht="15" customHeight="1">
      <c r="A40" s="17" t="s">
        <v>77</v>
      </c>
      <c r="B40" s="17"/>
      <c r="C40" s="13">
        <v>150</v>
      </c>
      <c r="D40" s="19">
        <v>75</v>
      </c>
      <c r="E40" s="19">
        <v>75</v>
      </c>
      <c r="F40" s="19"/>
      <c r="G40" s="18" t="s">
        <v>78</v>
      </c>
      <c r="H40" s="17"/>
      <c r="I40" s="13">
        <v>210</v>
      </c>
      <c r="J40" s="19">
        <v>97</v>
      </c>
      <c r="K40" s="19">
        <v>113</v>
      </c>
    </row>
    <row r="41" spans="1:11" ht="20.100000000000001" customHeight="1">
      <c r="A41" s="17" t="s">
        <v>79</v>
      </c>
      <c r="B41" s="17"/>
      <c r="C41" s="13">
        <v>914</v>
      </c>
      <c r="D41" s="14">
        <v>466</v>
      </c>
      <c r="E41" s="14">
        <v>448</v>
      </c>
      <c r="F41" s="14"/>
      <c r="G41" s="18" t="s">
        <v>80</v>
      </c>
      <c r="H41" s="17"/>
      <c r="I41" s="13">
        <v>838</v>
      </c>
      <c r="J41" s="14">
        <v>388</v>
      </c>
      <c r="K41" s="14">
        <v>450</v>
      </c>
    </row>
    <row r="42" spans="1:11" ht="15" customHeight="1">
      <c r="A42" s="17" t="s">
        <v>81</v>
      </c>
      <c r="B42" s="17"/>
      <c r="C42" s="13">
        <v>186</v>
      </c>
      <c r="D42" s="19">
        <v>101</v>
      </c>
      <c r="E42" s="19">
        <v>85</v>
      </c>
      <c r="F42" s="19"/>
      <c r="G42" s="18" t="s">
        <v>82</v>
      </c>
      <c r="H42" s="17"/>
      <c r="I42" s="13">
        <v>225</v>
      </c>
      <c r="J42" s="19">
        <v>101</v>
      </c>
      <c r="K42" s="19">
        <v>124</v>
      </c>
    </row>
    <row r="43" spans="1:11" ht="15" customHeight="1">
      <c r="A43" s="17" t="s">
        <v>83</v>
      </c>
      <c r="B43" s="17"/>
      <c r="C43" s="13">
        <v>160</v>
      </c>
      <c r="D43" s="19">
        <v>81</v>
      </c>
      <c r="E43" s="19">
        <v>79</v>
      </c>
      <c r="F43" s="19"/>
      <c r="G43" s="18" t="s">
        <v>84</v>
      </c>
      <c r="H43" s="17"/>
      <c r="I43" s="13">
        <v>218</v>
      </c>
      <c r="J43" s="19">
        <v>105</v>
      </c>
      <c r="K43" s="19">
        <v>113</v>
      </c>
    </row>
    <row r="44" spans="1:11" ht="15" customHeight="1">
      <c r="A44" s="17" t="s">
        <v>85</v>
      </c>
      <c r="B44" s="17"/>
      <c r="C44" s="13">
        <v>178</v>
      </c>
      <c r="D44" s="19">
        <v>95</v>
      </c>
      <c r="E44" s="19">
        <v>83</v>
      </c>
      <c r="F44" s="19"/>
      <c r="G44" s="18" t="s">
        <v>86</v>
      </c>
      <c r="H44" s="17"/>
      <c r="I44" s="13">
        <v>138</v>
      </c>
      <c r="J44" s="19">
        <v>60</v>
      </c>
      <c r="K44" s="19">
        <v>78</v>
      </c>
    </row>
    <row r="45" spans="1:11" ht="15" customHeight="1">
      <c r="A45" s="17" t="s">
        <v>87</v>
      </c>
      <c r="B45" s="17"/>
      <c r="C45" s="13">
        <v>192</v>
      </c>
      <c r="D45" s="19">
        <v>94</v>
      </c>
      <c r="E45" s="19">
        <v>98</v>
      </c>
      <c r="F45" s="19"/>
      <c r="G45" s="18" t="s">
        <v>88</v>
      </c>
      <c r="H45" s="17"/>
      <c r="I45" s="13">
        <v>126</v>
      </c>
      <c r="J45" s="19">
        <v>66</v>
      </c>
      <c r="K45" s="19">
        <v>60</v>
      </c>
    </row>
    <row r="46" spans="1:11" ht="15" customHeight="1">
      <c r="A46" s="17" t="s">
        <v>89</v>
      </c>
      <c r="B46" s="17"/>
      <c r="C46" s="13">
        <v>198</v>
      </c>
      <c r="D46" s="19">
        <v>95</v>
      </c>
      <c r="E46" s="19">
        <v>103</v>
      </c>
      <c r="F46" s="19"/>
      <c r="G46" s="18" t="s">
        <v>90</v>
      </c>
      <c r="H46" s="17"/>
      <c r="I46" s="13">
        <v>131</v>
      </c>
      <c r="J46" s="19">
        <v>56</v>
      </c>
      <c r="K46" s="19">
        <v>75</v>
      </c>
    </row>
    <row r="47" spans="1:11" ht="20.100000000000001" customHeight="1">
      <c r="A47" s="17" t="s">
        <v>91</v>
      </c>
      <c r="B47" s="17"/>
      <c r="C47" s="13">
        <v>1130</v>
      </c>
      <c r="D47" s="14">
        <v>560</v>
      </c>
      <c r="E47" s="14">
        <v>570</v>
      </c>
      <c r="F47" s="14"/>
      <c r="G47" s="18" t="s">
        <v>92</v>
      </c>
      <c r="H47" s="17"/>
      <c r="I47" s="13">
        <v>537</v>
      </c>
      <c r="J47" s="14">
        <v>214</v>
      </c>
      <c r="K47" s="14">
        <v>323</v>
      </c>
    </row>
    <row r="48" spans="1:11" ht="15" customHeight="1">
      <c r="A48" s="17" t="s">
        <v>93</v>
      </c>
      <c r="B48" s="17"/>
      <c r="C48" s="13">
        <v>192</v>
      </c>
      <c r="D48" s="19">
        <v>102</v>
      </c>
      <c r="E48" s="19">
        <v>90</v>
      </c>
      <c r="F48" s="19"/>
      <c r="G48" s="18" t="s">
        <v>94</v>
      </c>
      <c r="H48" s="17"/>
      <c r="I48" s="13">
        <v>132</v>
      </c>
      <c r="J48" s="19">
        <v>64</v>
      </c>
      <c r="K48" s="19">
        <v>68</v>
      </c>
    </row>
    <row r="49" spans="1:11" ht="15" customHeight="1">
      <c r="A49" s="17" t="s">
        <v>95</v>
      </c>
      <c r="B49" s="17"/>
      <c r="C49" s="13">
        <v>217</v>
      </c>
      <c r="D49" s="19">
        <v>96</v>
      </c>
      <c r="E49" s="19">
        <v>121</v>
      </c>
      <c r="F49" s="19"/>
      <c r="G49" s="18" t="s">
        <v>96</v>
      </c>
      <c r="H49" s="17"/>
      <c r="I49" s="13">
        <v>113</v>
      </c>
      <c r="J49" s="19">
        <v>42</v>
      </c>
      <c r="K49" s="19">
        <v>71</v>
      </c>
    </row>
    <row r="50" spans="1:11" ht="15" customHeight="1">
      <c r="A50" s="17" t="s">
        <v>97</v>
      </c>
      <c r="B50" s="17"/>
      <c r="C50" s="13">
        <v>248</v>
      </c>
      <c r="D50" s="19">
        <v>134</v>
      </c>
      <c r="E50" s="19">
        <v>114</v>
      </c>
      <c r="F50" s="19"/>
      <c r="G50" s="18" t="s">
        <v>98</v>
      </c>
      <c r="H50" s="17"/>
      <c r="I50" s="13">
        <v>107</v>
      </c>
      <c r="J50" s="19">
        <v>43</v>
      </c>
      <c r="K50" s="19">
        <v>64</v>
      </c>
    </row>
    <row r="51" spans="1:11" ht="15" customHeight="1">
      <c r="A51" s="17" t="s">
        <v>99</v>
      </c>
      <c r="B51" s="17"/>
      <c r="C51" s="13">
        <v>230</v>
      </c>
      <c r="D51" s="19">
        <v>111</v>
      </c>
      <c r="E51" s="19">
        <v>119</v>
      </c>
      <c r="F51" s="19"/>
      <c r="G51" s="18" t="s">
        <v>100</v>
      </c>
      <c r="H51" s="17"/>
      <c r="I51" s="13">
        <v>87</v>
      </c>
      <c r="J51" s="19">
        <v>37</v>
      </c>
      <c r="K51" s="19">
        <v>50</v>
      </c>
    </row>
    <row r="52" spans="1:11" ht="15" customHeight="1">
      <c r="A52" s="17" t="s">
        <v>101</v>
      </c>
      <c r="B52" s="17"/>
      <c r="C52" s="13">
        <v>243</v>
      </c>
      <c r="D52" s="19">
        <v>117</v>
      </c>
      <c r="E52" s="19">
        <v>126</v>
      </c>
      <c r="F52" s="19"/>
      <c r="G52" s="18" t="s">
        <v>102</v>
      </c>
      <c r="H52" s="17"/>
      <c r="I52" s="13">
        <v>98</v>
      </c>
      <c r="J52" s="19">
        <v>28</v>
      </c>
      <c r="K52" s="19">
        <v>70</v>
      </c>
    </row>
    <row r="53" spans="1:11" ht="20.100000000000001" customHeight="1">
      <c r="A53" s="17" t="s">
        <v>103</v>
      </c>
      <c r="B53" s="17"/>
      <c r="C53" s="13">
        <v>1363</v>
      </c>
      <c r="D53" s="14">
        <v>704</v>
      </c>
      <c r="E53" s="14">
        <v>659</v>
      </c>
      <c r="F53" s="14"/>
      <c r="G53" s="18" t="s">
        <v>104</v>
      </c>
      <c r="H53" s="17"/>
      <c r="I53" s="13">
        <v>275</v>
      </c>
      <c r="J53" s="14">
        <v>75</v>
      </c>
      <c r="K53" s="14">
        <v>200</v>
      </c>
    </row>
    <row r="54" spans="1:11" ht="15" customHeight="1">
      <c r="A54" s="17" t="s">
        <v>105</v>
      </c>
      <c r="B54" s="17"/>
      <c r="C54" s="13">
        <v>298</v>
      </c>
      <c r="D54" s="19">
        <v>156</v>
      </c>
      <c r="E54" s="19">
        <v>142</v>
      </c>
      <c r="F54" s="19"/>
      <c r="G54" s="18" t="s">
        <v>106</v>
      </c>
      <c r="H54" s="17"/>
      <c r="I54" s="13">
        <v>76</v>
      </c>
      <c r="J54" s="19">
        <v>26</v>
      </c>
      <c r="K54" s="19">
        <v>50</v>
      </c>
    </row>
    <row r="55" spans="1:11" ht="15" customHeight="1">
      <c r="A55" s="17" t="s">
        <v>107</v>
      </c>
      <c r="B55" s="17"/>
      <c r="C55" s="13">
        <v>268</v>
      </c>
      <c r="D55" s="19">
        <v>128</v>
      </c>
      <c r="E55" s="19">
        <v>140</v>
      </c>
      <c r="F55" s="19"/>
      <c r="G55" s="18" t="s">
        <v>108</v>
      </c>
      <c r="H55" s="17"/>
      <c r="I55" s="13">
        <v>64</v>
      </c>
      <c r="J55" s="19">
        <v>17</v>
      </c>
      <c r="K55" s="19">
        <v>47</v>
      </c>
    </row>
    <row r="56" spans="1:11" ht="15" customHeight="1">
      <c r="A56" s="17" t="s">
        <v>109</v>
      </c>
      <c r="B56" s="17"/>
      <c r="C56" s="13">
        <v>247</v>
      </c>
      <c r="D56" s="19">
        <v>119</v>
      </c>
      <c r="E56" s="19">
        <v>128</v>
      </c>
      <c r="F56" s="19"/>
      <c r="G56" s="18" t="s">
        <v>110</v>
      </c>
      <c r="H56" s="17"/>
      <c r="I56" s="13">
        <v>51</v>
      </c>
      <c r="J56" s="19">
        <v>15</v>
      </c>
      <c r="K56" s="19">
        <v>36</v>
      </c>
    </row>
    <row r="57" spans="1:11" ht="15" customHeight="1">
      <c r="A57" s="17" t="s">
        <v>111</v>
      </c>
      <c r="B57" s="17"/>
      <c r="C57" s="13">
        <v>281</v>
      </c>
      <c r="D57" s="19">
        <v>164</v>
      </c>
      <c r="E57" s="19">
        <v>117</v>
      </c>
      <c r="F57" s="19"/>
      <c r="G57" s="18" t="s">
        <v>112</v>
      </c>
      <c r="H57" s="17"/>
      <c r="I57" s="13">
        <v>44</v>
      </c>
      <c r="J57" s="19">
        <v>10</v>
      </c>
      <c r="K57" s="19">
        <v>34</v>
      </c>
    </row>
    <row r="58" spans="1:11" ht="15" customHeight="1">
      <c r="A58" s="17" t="s">
        <v>113</v>
      </c>
      <c r="B58" s="17"/>
      <c r="C58" s="13">
        <v>269</v>
      </c>
      <c r="D58" s="19">
        <v>137</v>
      </c>
      <c r="E58" s="19">
        <v>132</v>
      </c>
      <c r="F58" s="19"/>
      <c r="G58" s="18" t="s">
        <v>114</v>
      </c>
      <c r="H58" s="17"/>
      <c r="I58" s="13">
        <v>40</v>
      </c>
      <c r="J58" s="19">
        <v>7</v>
      </c>
      <c r="K58" s="19">
        <v>33</v>
      </c>
    </row>
    <row r="59" spans="1:11" ht="20.100000000000001" customHeight="1">
      <c r="A59" s="17" t="s">
        <v>115</v>
      </c>
      <c r="B59" s="17"/>
      <c r="C59" s="13">
        <v>1562</v>
      </c>
      <c r="D59" s="14">
        <v>777</v>
      </c>
      <c r="E59" s="14">
        <v>785</v>
      </c>
      <c r="F59" s="14"/>
      <c r="G59" s="18" t="s">
        <v>116</v>
      </c>
      <c r="H59" s="17"/>
      <c r="I59" s="13">
        <v>71</v>
      </c>
      <c r="J59" s="14">
        <v>7</v>
      </c>
      <c r="K59" s="14">
        <v>64</v>
      </c>
    </row>
    <row r="60" spans="1:11" ht="15" customHeight="1">
      <c r="A60" s="17" t="s">
        <v>117</v>
      </c>
      <c r="B60" s="17"/>
      <c r="C60" s="13">
        <v>269</v>
      </c>
      <c r="D60" s="19">
        <v>115</v>
      </c>
      <c r="E60" s="19">
        <v>154</v>
      </c>
      <c r="F60" s="19"/>
      <c r="G60" s="18" t="s">
        <v>118</v>
      </c>
      <c r="H60" s="17"/>
      <c r="I60" s="13">
        <v>25</v>
      </c>
      <c r="J60" s="19">
        <v>4</v>
      </c>
      <c r="K60" s="19">
        <v>21</v>
      </c>
    </row>
    <row r="61" spans="1:11" ht="15" customHeight="1">
      <c r="A61" s="17" t="s">
        <v>119</v>
      </c>
      <c r="B61" s="17"/>
      <c r="C61" s="13">
        <v>317</v>
      </c>
      <c r="D61" s="19">
        <v>164</v>
      </c>
      <c r="E61" s="19">
        <v>153</v>
      </c>
      <c r="F61" s="19"/>
      <c r="G61" s="18" t="s">
        <v>120</v>
      </c>
      <c r="H61" s="17"/>
      <c r="I61" s="13">
        <v>17</v>
      </c>
      <c r="J61" s="19">
        <v>1</v>
      </c>
      <c r="K61" s="19">
        <v>16</v>
      </c>
    </row>
    <row r="62" spans="1:11" ht="15" customHeight="1">
      <c r="A62" s="17" t="s">
        <v>121</v>
      </c>
      <c r="B62" s="17"/>
      <c r="C62" s="13">
        <v>320</v>
      </c>
      <c r="D62" s="19">
        <v>158</v>
      </c>
      <c r="E62" s="19">
        <v>162</v>
      </c>
      <c r="F62" s="19"/>
      <c r="G62" s="18" t="s">
        <v>122</v>
      </c>
      <c r="H62" s="17"/>
      <c r="I62" s="13">
        <v>11</v>
      </c>
      <c r="J62" s="19">
        <v>1</v>
      </c>
      <c r="K62" s="19">
        <v>10</v>
      </c>
    </row>
    <row r="63" spans="1:11" ht="15" customHeight="1">
      <c r="A63" s="17" t="s">
        <v>123</v>
      </c>
      <c r="B63" s="17"/>
      <c r="C63" s="13">
        <v>355</v>
      </c>
      <c r="D63" s="19">
        <v>188</v>
      </c>
      <c r="E63" s="19">
        <v>167</v>
      </c>
      <c r="F63" s="19"/>
      <c r="G63" s="18" t="s">
        <v>124</v>
      </c>
      <c r="H63" s="17"/>
      <c r="I63" s="13">
        <v>8</v>
      </c>
      <c r="J63" s="19">
        <v>1</v>
      </c>
      <c r="K63" s="19">
        <v>7</v>
      </c>
    </row>
    <row r="64" spans="1:11" ht="15" customHeight="1">
      <c r="A64" s="17" t="s">
        <v>125</v>
      </c>
      <c r="B64" s="17"/>
      <c r="C64" s="13">
        <v>301</v>
      </c>
      <c r="D64" s="19">
        <v>152</v>
      </c>
      <c r="E64" s="19">
        <v>149</v>
      </c>
      <c r="F64" s="19"/>
      <c r="G64" s="18" t="s">
        <v>126</v>
      </c>
      <c r="H64" s="17"/>
      <c r="I64" s="13">
        <v>10</v>
      </c>
      <c r="J64" s="19">
        <v>0</v>
      </c>
      <c r="K64" s="19">
        <v>10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9</v>
      </c>
      <c r="J65" s="19">
        <v>2</v>
      </c>
      <c r="K65" s="19">
        <v>17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48</v>
      </c>
      <c r="J66" s="27">
        <v>21</v>
      </c>
      <c r="K66" s="27">
        <v>27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89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1082</v>
      </c>
      <c r="D4" s="14">
        <v>5341</v>
      </c>
      <c r="E4" s="14">
        <v>5741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50</v>
      </c>
      <c r="D5" s="14">
        <v>80</v>
      </c>
      <c r="E5" s="14">
        <v>70</v>
      </c>
      <c r="F5" s="14"/>
      <c r="G5" s="18" t="s">
        <v>8</v>
      </c>
      <c r="H5" s="17"/>
      <c r="I5" s="13">
        <v>698</v>
      </c>
      <c r="J5" s="14">
        <v>368</v>
      </c>
      <c r="K5" s="14">
        <v>330</v>
      </c>
    </row>
    <row r="6" spans="1:11" ht="15" customHeight="1">
      <c r="A6" s="17" t="s">
        <v>9</v>
      </c>
      <c r="B6" s="17"/>
      <c r="C6" s="13">
        <v>26</v>
      </c>
      <c r="D6" s="19">
        <v>11</v>
      </c>
      <c r="E6" s="19">
        <v>15</v>
      </c>
      <c r="F6" s="19"/>
      <c r="G6" s="18" t="s">
        <v>10</v>
      </c>
      <c r="H6" s="17"/>
      <c r="I6" s="13">
        <v>158</v>
      </c>
      <c r="J6" s="19">
        <v>92</v>
      </c>
      <c r="K6" s="19">
        <v>66</v>
      </c>
    </row>
    <row r="7" spans="1:11" ht="15" customHeight="1">
      <c r="A7" s="17" t="s">
        <v>11</v>
      </c>
      <c r="B7" s="17"/>
      <c r="C7" s="13">
        <v>31</v>
      </c>
      <c r="D7" s="19">
        <v>16</v>
      </c>
      <c r="E7" s="19">
        <v>15</v>
      </c>
      <c r="F7" s="19"/>
      <c r="G7" s="18" t="s">
        <v>12</v>
      </c>
      <c r="H7" s="17"/>
      <c r="I7" s="13">
        <v>138</v>
      </c>
      <c r="J7" s="19">
        <v>70</v>
      </c>
      <c r="K7" s="19">
        <v>68</v>
      </c>
    </row>
    <row r="8" spans="1:11" ht="15" customHeight="1">
      <c r="A8" s="17" t="s">
        <v>13</v>
      </c>
      <c r="B8" s="17"/>
      <c r="C8" s="13">
        <v>28</v>
      </c>
      <c r="D8" s="19">
        <v>21</v>
      </c>
      <c r="E8" s="19">
        <v>7</v>
      </c>
      <c r="F8" s="19"/>
      <c r="G8" s="18" t="s">
        <v>14</v>
      </c>
      <c r="H8" s="17"/>
      <c r="I8" s="13">
        <v>138</v>
      </c>
      <c r="J8" s="19">
        <v>75</v>
      </c>
      <c r="K8" s="19">
        <v>63</v>
      </c>
    </row>
    <row r="9" spans="1:11" ht="15" customHeight="1">
      <c r="A9" s="17" t="s">
        <v>15</v>
      </c>
      <c r="B9" s="17"/>
      <c r="C9" s="13">
        <v>30</v>
      </c>
      <c r="D9" s="19">
        <v>16</v>
      </c>
      <c r="E9" s="19">
        <v>14</v>
      </c>
      <c r="F9" s="19"/>
      <c r="G9" s="18" t="s">
        <v>16</v>
      </c>
      <c r="H9" s="17"/>
      <c r="I9" s="13">
        <v>128</v>
      </c>
      <c r="J9" s="19">
        <v>64</v>
      </c>
      <c r="K9" s="19">
        <v>64</v>
      </c>
    </row>
    <row r="10" spans="1:11" ht="15" customHeight="1">
      <c r="A10" s="17" t="s">
        <v>17</v>
      </c>
      <c r="B10" s="17"/>
      <c r="C10" s="13">
        <v>35</v>
      </c>
      <c r="D10" s="19">
        <v>16</v>
      </c>
      <c r="E10" s="19">
        <v>19</v>
      </c>
      <c r="F10" s="19"/>
      <c r="G10" s="18" t="s">
        <v>18</v>
      </c>
      <c r="H10" s="17"/>
      <c r="I10" s="13">
        <v>136</v>
      </c>
      <c r="J10" s="19">
        <v>67</v>
      </c>
      <c r="K10" s="19">
        <v>69</v>
      </c>
    </row>
    <row r="11" spans="1:11" ht="20.100000000000001" customHeight="1">
      <c r="A11" s="17" t="s">
        <v>19</v>
      </c>
      <c r="B11" s="17"/>
      <c r="C11" s="13">
        <v>209</v>
      </c>
      <c r="D11" s="14">
        <v>102</v>
      </c>
      <c r="E11" s="14">
        <v>107</v>
      </c>
      <c r="F11" s="14"/>
      <c r="G11" s="18" t="s">
        <v>20</v>
      </c>
      <c r="H11" s="17"/>
      <c r="I11" s="13">
        <v>639</v>
      </c>
      <c r="J11" s="14">
        <v>333</v>
      </c>
      <c r="K11" s="14">
        <v>306</v>
      </c>
    </row>
    <row r="12" spans="1:11" ht="15" customHeight="1">
      <c r="A12" s="17" t="s">
        <v>21</v>
      </c>
      <c r="B12" s="17"/>
      <c r="C12" s="13">
        <v>41</v>
      </c>
      <c r="D12" s="19">
        <v>20</v>
      </c>
      <c r="E12" s="19">
        <v>21</v>
      </c>
      <c r="F12" s="19"/>
      <c r="G12" s="18" t="s">
        <v>22</v>
      </c>
      <c r="H12" s="17"/>
      <c r="I12" s="13">
        <v>91</v>
      </c>
      <c r="J12" s="19">
        <v>51</v>
      </c>
      <c r="K12" s="19">
        <v>40</v>
      </c>
    </row>
    <row r="13" spans="1:11" ht="15" customHeight="1">
      <c r="A13" s="17" t="s">
        <v>23</v>
      </c>
      <c r="B13" s="17"/>
      <c r="C13" s="13">
        <v>44</v>
      </c>
      <c r="D13" s="19">
        <v>18</v>
      </c>
      <c r="E13" s="19">
        <v>26</v>
      </c>
      <c r="F13" s="19"/>
      <c r="G13" s="18" t="s">
        <v>24</v>
      </c>
      <c r="H13" s="17"/>
      <c r="I13" s="13">
        <v>145</v>
      </c>
      <c r="J13" s="19">
        <v>70</v>
      </c>
      <c r="K13" s="19">
        <v>75</v>
      </c>
    </row>
    <row r="14" spans="1:11" ht="15" customHeight="1">
      <c r="A14" s="17" t="s">
        <v>25</v>
      </c>
      <c r="B14" s="17"/>
      <c r="C14" s="13">
        <v>36</v>
      </c>
      <c r="D14" s="19">
        <v>18</v>
      </c>
      <c r="E14" s="19">
        <v>18</v>
      </c>
      <c r="F14" s="19"/>
      <c r="G14" s="18" t="s">
        <v>26</v>
      </c>
      <c r="H14" s="17"/>
      <c r="I14" s="13">
        <v>134</v>
      </c>
      <c r="J14" s="19">
        <v>65</v>
      </c>
      <c r="K14" s="19">
        <v>69</v>
      </c>
    </row>
    <row r="15" spans="1:11" ht="15" customHeight="1">
      <c r="A15" s="17" t="s">
        <v>27</v>
      </c>
      <c r="B15" s="17"/>
      <c r="C15" s="13">
        <v>39</v>
      </c>
      <c r="D15" s="19">
        <v>21</v>
      </c>
      <c r="E15" s="19">
        <v>18</v>
      </c>
      <c r="F15" s="19"/>
      <c r="G15" s="18" t="s">
        <v>28</v>
      </c>
      <c r="H15" s="17"/>
      <c r="I15" s="13">
        <v>147</v>
      </c>
      <c r="J15" s="19">
        <v>77</v>
      </c>
      <c r="K15" s="19">
        <v>70</v>
      </c>
    </row>
    <row r="16" spans="1:11" ht="15" customHeight="1">
      <c r="A16" s="17" t="s">
        <v>29</v>
      </c>
      <c r="B16" s="17"/>
      <c r="C16" s="13">
        <v>49</v>
      </c>
      <c r="D16" s="19">
        <v>25</v>
      </c>
      <c r="E16" s="19">
        <v>24</v>
      </c>
      <c r="F16" s="19"/>
      <c r="G16" s="18" t="s">
        <v>30</v>
      </c>
      <c r="H16" s="17"/>
      <c r="I16" s="13">
        <v>122</v>
      </c>
      <c r="J16" s="19">
        <v>70</v>
      </c>
      <c r="K16" s="19">
        <v>52</v>
      </c>
    </row>
    <row r="17" spans="1:11" ht="20.100000000000001" customHeight="1">
      <c r="A17" s="20" t="s">
        <v>31</v>
      </c>
      <c r="B17" s="20"/>
      <c r="C17" s="13">
        <v>278</v>
      </c>
      <c r="D17" s="14">
        <v>125</v>
      </c>
      <c r="E17" s="14">
        <v>153</v>
      </c>
      <c r="F17" s="14"/>
      <c r="G17" s="18" t="s">
        <v>32</v>
      </c>
      <c r="H17" s="17"/>
      <c r="I17" s="13">
        <v>718</v>
      </c>
      <c r="J17" s="14">
        <v>362</v>
      </c>
      <c r="K17" s="14">
        <v>356</v>
      </c>
    </row>
    <row r="18" spans="1:11" ht="15" customHeight="1">
      <c r="A18" s="17" t="s">
        <v>33</v>
      </c>
      <c r="B18" s="17"/>
      <c r="C18" s="13">
        <v>54</v>
      </c>
      <c r="D18" s="19">
        <v>24</v>
      </c>
      <c r="E18" s="19">
        <v>30</v>
      </c>
      <c r="F18" s="19"/>
      <c r="G18" s="18" t="s">
        <v>34</v>
      </c>
      <c r="H18" s="17"/>
      <c r="I18" s="13">
        <v>127</v>
      </c>
      <c r="J18" s="19">
        <v>60</v>
      </c>
      <c r="K18" s="19">
        <v>67</v>
      </c>
    </row>
    <row r="19" spans="1:11" ht="15" customHeight="1">
      <c r="A19" s="17" t="s">
        <v>35</v>
      </c>
      <c r="B19" s="17"/>
      <c r="C19" s="13">
        <v>48</v>
      </c>
      <c r="D19" s="19">
        <v>24</v>
      </c>
      <c r="E19" s="19">
        <v>24</v>
      </c>
      <c r="F19" s="19"/>
      <c r="G19" s="18" t="s">
        <v>36</v>
      </c>
      <c r="H19" s="17"/>
      <c r="I19" s="13">
        <v>137</v>
      </c>
      <c r="J19" s="19">
        <v>76</v>
      </c>
      <c r="K19" s="19">
        <v>61</v>
      </c>
    </row>
    <row r="20" spans="1:11" ht="15" customHeight="1">
      <c r="A20" s="17" t="s">
        <v>37</v>
      </c>
      <c r="B20" s="17"/>
      <c r="C20" s="13">
        <v>55</v>
      </c>
      <c r="D20" s="19">
        <v>25</v>
      </c>
      <c r="E20" s="19">
        <v>30</v>
      </c>
      <c r="F20" s="19"/>
      <c r="G20" s="18" t="s">
        <v>38</v>
      </c>
      <c r="H20" s="17"/>
      <c r="I20" s="13">
        <v>139</v>
      </c>
      <c r="J20" s="19">
        <v>59</v>
      </c>
      <c r="K20" s="19">
        <v>80</v>
      </c>
    </row>
    <row r="21" spans="1:11" ht="15" customHeight="1">
      <c r="A21" s="17" t="s">
        <v>39</v>
      </c>
      <c r="B21" s="17"/>
      <c r="C21" s="13">
        <v>75</v>
      </c>
      <c r="D21" s="19">
        <v>31</v>
      </c>
      <c r="E21" s="19">
        <v>44</v>
      </c>
      <c r="F21" s="19"/>
      <c r="G21" s="18" t="s">
        <v>40</v>
      </c>
      <c r="H21" s="17"/>
      <c r="I21" s="13">
        <v>177</v>
      </c>
      <c r="J21" s="19">
        <v>93</v>
      </c>
      <c r="K21" s="19">
        <v>84</v>
      </c>
    </row>
    <row r="22" spans="1:11" ht="15" customHeight="1">
      <c r="A22" s="17" t="s">
        <v>41</v>
      </c>
      <c r="B22" s="17"/>
      <c r="C22" s="13">
        <v>46</v>
      </c>
      <c r="D22" s="19">
        <v>21</v>
      </c>
      <c r="E22" s="19">
        <v>25</v>
      </c>
      <c r="F22" s="19"/>
      <c r="G22" s="18" t="s">
        <v>42</v>
      </c>
      <c r="H22" s="17"/>
      <c r="I22" s="13">
        <v>138</v>
      </c>
      <c r="J22" s="19">
        <v>74</v>
      </c>
      <c r="K22" s="19">
        <v>64</v>
      </c>
    </row>
    <row r="23" spans="1:11" ht="20.100000000000001" customHeight="1">
      <c r="A23" s="17" t="s">
        <v>43</v>
      </c>
      <c r="B23" s="17"/>
      <c r="C23" s="13">
        <v>326</v>
      </c>
      <c r="D23" s="14">
        <v>168</v>
      </c>
      <c r="E23" s="14">
        <v>158</v>
      </c>
      <c r="F23" s="14"/>
      <c r="G23" s="18" t="s">
        <v>44</v>
      </c>
      <c r="H23" s="17"/>
      <c r="I23" s="13">
        <v>798</v>
      </c>
      <c r="J23" s="14">
        <v>411</v>
      </c>
      <c r="K23" s="14">
        <v>387</v>
      </c>
    </row>
    <row r="24" spans="1:11" ht="15" customHeight="1">
      <c r="A24" s="17" t="s">
        <v>45</v>
      </c>
      <c r="B24" s="17"/>
      <c r="C24" s="13">
        <v>61</v>
      </c>
      <c r="D24" s="19">
        <v>37</v>
      </c>
      <c r="E24" s="19">
        <v>24</v>
      </c>
      <c r="F24" s="19"/>
      <c r="G24" s="18" t="s">
        <v>46</v>
      </c>
      <c r="H24" s="17"/>
      <c r="I24" s="13">
        <v>143</v>
      </c>
      <c r="J24" s="19">
        <v>70</v>
      </c>
      <c r="K24" s="19">
        <v>73</v>
      </c>
    </row>
    <row r="25" spans="1:11" ht="15" customHeight="1">
      <c r="A25" s="17" t="s">
        <v>47</v>
      </c>
      <c r="B25" s="17"/>
      <c r="C25" s="13">
        <v>64</v>
      </c>
      <c r="D25" s="19">
        <v>34</v>
      </c>
      <c r="E25" s="19">
        <v>30</v>
      </c>
      <c r="F25" s="19"/>
      <c r="G25" s="18" t="s">
        <v>48</v>
      </c>
      <c r="H25" s="17"/>
      <c r="I25" s="13">
        <v>182</v>
      </c>
      <c r="J25" s="19">
        <v>91</v>
      </c>
      <c r="K25" s="19">
        <v>91</v>
      </c>
    </row>
    <row r="26" spans="1:11" ht="15" customHeight="1">
      <c r="A26" s="17" t="s">
        <v>49</v>
      </c>
      <c r="B26" s="17"/>
      <c r="C26" s="13">
        <v>58</v>
      </c>
      <c r="D26" s="19">
        <v>28</v>
      </c>
      <c r="E26" s="19">
        <v>30</v>
      </c>
      <c r="F26" s="19"/>
      <c r="G26" s="18" t="s">
        <v>50</v>
      </c>
      <c r="H26" s="17"/>
      <c r="I26" s="13">
        <v>156</v>
      </c>
      <c r="J26" s="19">
        <v>90</v>
      </c>
      <c r="K26" s="19">
        <v>66</v>
      </c>
    </row>
    <row r="27" spans="1:11" ht="15" customHeight="1">
      <c r="A27" s="17" t="s">
        <v>51</v>
      </c>
      <c r="B27" s="17"/>
      <c r="C27" s="13">
        <v>80</v>
      </c>
      <c r="D27" s="19">
        <v>38</v>
      </c>
      <c r="E27" s="19">
        <v>42</v>
      </c>
      <c r="F27" s="19"/>
      <c r="G27" s="18" t="s">
        <v>52</v>
      </c>
      <c r="H27" s="17"/>
      <c r="I27" s="13">
        <v>169</v>
      </c>
      <c r="J27" s="19">
        <v>81</v>
      </c>
      <c r="K27" s="19">
        <v>88</v>
      </c>
    </row>
    <row r="28" spans="1:11" ht="15" customHeight="1">
      <c r="A28" s="17" t="s">
        <v>53</v>
      </c>
      <c r="B28" s="17"/>
      <c r="C28" s="13">
        <v>63</v>
      </c>
      <c r="D28" s="19">
        <v>31</v>
      </c>
      <c r="E28" s="19">
        <v>32</v>
      </c>
      <c r="F28" s="19"/>
      <c r="G28" s="18" t="s">
        <v>54</v>
      </c>
      <c r="H28" s="17"/>
      <c r="I28" s="13">
        <v>148</v>
      </c>
      <c r="J28" s="19">
        <v>79</v>
      </c>
      <c r="K28" s="19">
        <v>69</v>
      </c>
    </row>
    <row r="29" spans="1:11" ht="20.100000000000001" customHeight="1">
      <c r="A29" s="17" t="s">
        <v>55</v>
      </c>
      <c r="B29" s="17"/>
      <c r="C29" s="13">
        <v>891</v>
      </c>
      <c r="D29" s="14">
        <v>396</v>
      </c>
      <c r="E29" s="14">
        <v>495</v>
      </c>
      <c r="F29" s="14"/>
      <c r="G29" s="18" t="s">
        <v>56</v>
      </c>
      <c r="H29" s="17"/>
      <c r="I29" s="13">
        <v>1104</v>
      </c>
      <c r="J29" s="14">
        <v>503</v>
      </c>
      <c r="K29" s="14">
        <v>601</v>
      </c>
    </row>
    <row r="30" spans="1:11" ht="15" customHeight="1">
      <c r="A30" s="17" t="s">
        <v>57</v>
      </c>
      <c r="B30" s="17"/>
      <c r="C30" s="13">
        <v>190</v>
      </c>
      <c r="D30" s="19">
        <v>90</v>
      </c>
      <c r="E30" s="19">
        <v>100</v>
      </c>
      <c r="F30" s="19"/>
      <c r="G30" s="18" t="s">
        <v>58</v>
      </c>
      <c r="H30" s="17"/>
      <c r="I30" s="13">
        <v>194</v>
      </c>
      <c r="J30" s="19">
        <v>93</v>
      </c>
      <c r="K30" s="19">
        <v>101</v>
      </c>
    </row>
    <row r="31" spans="1:11" ht="15" customHeight="1">
      <c r="A31" s="17" t="s">
        <v>59</v>
      </c>
      <c r="B31" s="17"/>
      <c r="C31" s="13">
        <v>118</v>
      </c>
      <c r="D31" s="19">
        <v>56</v>
      </c>
      <c r="E31" s="19">
        <v>62</v>
      </c>
      <c r="F31" s="19"/>
      <c r="G31" s="18" t="s">
        <v>60</v>
      </c>
      <c r="H31" s="17"/>
      <c r="I31" s="13">
        <v>204</v>
      </c>
      <c r="J31" s="19">
        <v>93</v>
      </c>
      <c r="K31" s="19">
        <v>111</v>
      </c>
    </row>
    <row r="32" spans="1:11" ht="15" customHeight="1">
      <c r="A32" s="17" t="s">
        <v>61</v>
      </c>
      <c r="B32" s="17"/>
      <c r="C32" s="13">
        <v>240</v>
      </c>
      <c r="D32" s="19">
        <v>94</v>
      </c>
      <c r="E32" s="19">
        <v>146</v>
      </c>
      <c r="F32" s="19"/>
      <c r="G32" s="18" t="s">
        <v>62</v>
      </c>
      <c r="H32" s="17"/>
      <c r="I32" s="13">
        <v>243</v>
      </c>
      <c r="J32" s="19">
        <v>108</v>
      </c>
      <c r="K32" s="19">
        <v>135</v>
      </c>
    </row>
    <row r="33" spans="1:11" ht="15" customHeight="1">
      <c r="A33" s="17" t="s">
        <v>63</v>
      </c>
      <c r="B33" s="17"/>
      <c r="C33" s="13">
        <v>159</v>
      </c>
      <c r="D33" s="19">
        <v>68</v>
      </c>
      <c r="E33" s="19">
        <v>91</v>
      </c>
      <c r="F33" s="19"/>
      <c r="G33" s="18" t="s">
        <v>64</v>
      </c>
      <c r="H33" s="17"/>
      <c r="I33" s="13">
        <v>214</v>
      </c>
      <c r="J33" s="19">
        <v>102</v>
      </c>
      <c r="K33" s="19">
        <v>112</v>
      </c>
    </row>
    <row r="34" spans="1:11" ht="15" customHeight="1">
      <c r="A34" s="17" t="s">
        <v>65</v>
      </c>
      <c r="B34" s="17"/>
      <c r="C34" s="13">
        <v>184</v>
      </c>
      <c r="D34" s="19">
        <v>88</v>
      </c>
      <c r="E34" s="19">
        <v>96</v>
      </c>
      <c r="F34" s="19"/>
      <c r="G34" s="18" t="s">
        <v>66</v>
      </c>
      <c r="H34" s="17"/>
      <c r="I34" s="13">
        <v>249</v>
      </c>
      <c r="J34" s="19">
        <v>107</v>
      </c>
      <c r="K34" s="19">
        <v>142</v>
      </c>
    </row>
    <row r="35" spans="1:11" ht="20.100000000000001" customHeight="1">
      <c r="A35" s="17" t="s">
        <v>67</v>
      </c>
      <c r="B35" s="17"/>
      <c r="C35" s="13">
        <v>691</v>
      </c>
      <c r="D35" s="14">
        <v>358</v>
      </c>
      <c r="E35" s="14">
        <v>333</v>
      </c>
      <c r="F35" s="14"/>
      <c r="G35" s="18" t="s">
        <v>68</v>
      </c>
      <c r="H35" s="17"/>
      <c r="I35" s="13">
        <v>825</v>
      </c>
      <c r="J35" s="14">
        <v>372</v>
      </c>
      <c r="K35" s="14">
        <v>453</v>
      </c>
    </row>
    <row r="36" spans="1:11" ht="15" customHeight="1">
      <c r="A36" s="17" t="s">
        <v>69</v>
      </c>
      <c r="B36" s="17"/>
      <c r="C36" s="13">
        <v>159</v>
      </c>
      <c r="D36" s="19">
        <v>64</v>
      </c>
      <c r="E36" s="19">
        <v>95</v>
      </c>
      <c r="F36" s="19"/>
      <c r="G36" s="18" t="s">
        <v>70</v>
      </c>
      <c r="H36" s="17"/>
      <c r="I36" s="13">
        <v>152</v>
      </c>
      <c r="J36" s="19">
        <v>74</v>
      </c>
      <c r="K36" s="19">
        <v>78</v>
      </c>
    </row>
    <row r="37" spans="1:11" ht="15" customHeight="1">
      <c r="A37" s="17" t="s">
        <v>71</v>
      </c>
      <c r="B37" s="17"/>
      <c r="C37" s="13">
        <v>146</v>
      </c>
      <c r="D37" s="19">
        <v>80</v>
      </c>
      <c r="E37" s="19">
        <v>66</v>
      </c>
      <c r="F37" s="19"/>
      <c r="G37" s="18" t="s">
        <v>72</v>
      </c>
      <c r="H37" s="17"/>
      <c r="I37" s="13">
        <v>171</v>
      </c>
      <c r="J37" s="19">
        <v>77</v>
      </c>
      <c r="K37" s="19">
        <v>94</v>
      </c>
    </row>
    <row r="38" spans="1:11" ht="15" customHeight="1">
      <c r="A38" s="17" t="s">
        <v>73</v>
      </c>
      <c r="B38" s="17"/>
      <c r="C38" s="13">
        <v>133</v>
      </c>
      <c r="D38" s="19">
        <v>62</v>
      </c>
      <c r="E38" s="19">
        <v>71</v>
      </c>
      <c r="F38" s="19"/>
      <c r="G38" s="18" t="s">
        <v>74</v>
      </c>
      <c r="H38" s="17"/>
      <c r="I38" s="13">
        <v>172</v>
      </c>
      <c r="J38" s="19">
        <v>77</v>
      </c>
      <c r="K38" s="19">
        <v>95</v>
      </c>
    </row>
    <row r="39" spans="1:11" ht="15" customHeight="1">
      <c r="A39" s="17" t="s">
        <v>75</v>
      </c>
      <c r="B39" s="17"/>
      <c r="C39" s="13">
        <v>129</v>
      </c>
      <c r="D39" s="19">
        <v>82</v>
      </c>
      <c r="E39" s="19">
        <v>47</v>
      </c>
      <c r="F39" s="19"/>
      <c r="G39" s="18" t="s">
        <v>76</v>
      </c>
      <c r="H39" s="17"/>
      <c r="I39" s="13">
        <v>160</v>
      </c>
      <c r="J39" s="19">
        <v>66</v>
      </c>
      <c r="K39" s="19">
        <v>94</v>
      </c>
    </row>
    <row r="40" spans="1:11" ht="15" customHeight="1">
      <c r="A40" s="17" t="s">
        <v>77</v>
      </c>
      <c r="B40" s="17"/>
      <c r="C40" s="13">
        <v>124</v>
      </c>
      <c r="D40" s="19">
        <v>70</v>
      </c>
      <c r="E40" s="19">
        <v>54</v>
      </c>
      <c r="F40" s="19"/>
      <c r="G40" s="18" t="s">
        <v>78</v>
      </c>
      <c r="H40" s="17"/>
      <c r="I40" s="13">
        <v>170</v>
      </c>
      <c r="J40" s="19">
        <v>78</v>
      </c>
      <c r="K40" s="19">
        <v>92</v>
      </c>
    </row>
    <row r="41" spans="1:11" ht="20.100000000000001" customHeight="1">
      <c r="A41" s="17" t="s">
        <v>79</v>
      </c>
      <c r="B41" s="17"/>
      <c r="C41" s="13">
        <v>420</v>
      </c>
      <c r="D41" s="14">
        <v>215</v>
      </c>
      <c r="E41" s="14">
        <v>205</v>
      </c>
      <c r="F41" s="14"/>
      <c r="G41" s="18" t="s">
        <v>80</v>
      </c>
      <c r="H41" s="17"/>
      <c r="I41" s="13">
        <v>646</v>
      </c>
      <c r="J41" s="14">
        <v>259</v>
      </c>
      <c r="K41" s="14">
        <v>387</v>
      </c>
    </row>
    <row r="42" spans="1:11" ht="15" customHeight="1">
      <c r="A42" s="17" t="s">
        <v>81</v>
      </c>
      <c r="B42" s="17"/>
      <c r="C42" s="13">
        <v>86</v>
      </c>
      <c r="D42" s="19">
        <v>41</v>
      </c>
      <c r="E42" s="19">
        <v>45</v>
      </c>
      <c r="F42" s="19"/>
      <c r="G42" s="18" t="s">
        <v>82</v>
      </c>
      <c r="H42" s="17"/>
      <c r="I42" s="13">
        <v>158</v>
      </c>
      <c r="J42" s="19">
        <v>69</v>
      </c>
      <c r="K42" s="19">
        <v>89</v>
      </c>
    </row>
    <row r="43" spans="1:11" ht="15" customHeight="1">
      <c r="A43" s="17" t="s">
        <v>83</v>
      </c>
      <c r="B43" s="17"/>
      <c r="C43" s="13">
        <v>80</v>
      </c>
      <c r="D43" s="19">
        <v>46</v>
      </c>
      <c r="E43" s="19">
        <v>34</v>
      </c>
      <c r="F43" s="19"/>
      <c r="G43" s="18" t="s">
        <v>84</v>
      </c>
      <c r="H43" s="17"/>
      <c r="I43" s="13">
        <v>148</v>
      </c>
      <c r="J43" s="19">
        <v>74</v>
      </c>
      <c r="K43" s="19">
        <v>74</v>
      </c>
    </row>
    <row r="44" spans="1:11" ht="15" customHeight="1">
      <c r="A44" s="17" t="s">
        <v>85</v>
      </c>
      <c r="B44" s="17"/>
      <c r="C44" s="13">
        <v>80</v>
      </c>
      <c r="D44" s="19">
        <v>40</v>
      </c>
      <c r="E44" s="19">
        <v>40</v>
      </c>
      <c r="F44" s="19"/>
      <c r="G44" s="18" t="s">
        <v>86</v>
      </c>
      <c r="H44" s="17"/>
      <c r="I44" s="13">
        <v>134</v>
      </c>
      <c r="J44" s="19">
        <v>41</v>
      </c>
      <c r="K44" s="19">
        <v>93</v>
      </c>
    </row>
    <row r="45" spans="1:11" ht="15" customHeight="1">
      <c r="A45" s="17" t="s">
        <v>87</v>
      </c>
      <c r="B45" s="17"/>
      <c r="C45" s="13">
        <v>92</v>
      </c>
      <c r="D45" s="19">
        <v>42</v>
      </c>
      <c r="E45" s="19">
        <v>50</v>
      </c>
      <c r="F45" s="19"/>
      <c r="G45" s="18" t="s">
        <v>88</v>
      </c>
      <c r="H45" s="17"/>
      <c r="I45" s="13">
        <v>112</v>
      </c>
      <c r="J45" s="19">
        <v>43</v>
      </c>
      <c r="K45" s="19">
        <v>69</v>
      </c>
    </row>
    <row r="46" spans="1:11" ht="15" customHeight="1">
      <c r="A46" s="17" t="s">
        <v>89</v>
      </c>
      <c r="B46" s="17"/>
      <c r="C46" s="13">
        <v>82</v>
      </c>
      <c r="D46" s="19">
        <v>46</v>
      </c>
      <c r="E46" s="19">
        <v>36</v>
      </c>
      <c r="F46" s="19"/>
      <c r="G46" s="18" t="s">
        <v>90</v>
      </c>
      <c r="H46" s="17"/>
      <c r="I46" s="13">
        <v>94</v>
      </c>
      <c r="J46" s="19">
        <v>32</v>
      </c>
      <c r="K46" s="19">
        <v>62</v>
      </c>
    </row>
    <row r="47" spans="1:11" ht="20.100000000000001" customHeight="1">
      <c r="A47" s="17" t="s">
        <v>91</v>
      </c>
      <c r="B47" s="17"/>
      <c r="C47" s="13">
        <v>426</v>
      </c>
      <c r="D47" s="14">
        <v>241</v>
      </c>
      <c r="E47" s="14">
        <v>185</v>
      </c>
      <c r="F47" s="14"/>
      <c r="G47" s="18" t="s">
        <v>92</v>
      </c>
      <c r="H47" s="17"/>
      <c r="I47" s="13">
        <v>430</v>
      </c>
      <c r="J47" s="14">
        <v>151</v>
      </c>
      <c r="K47" s="14">
        <v>279</v>
      </c>
    </row>
    <row r="48" spans="1:11" ht="15" customHeight="1">
      <c r="A48" s="17" t="s">
        <v>93</v>
      </c>
      <c r="B48" s="17"/>
      <c r="C48" s="13">
        <v>96</v>
      </c>
      <c r="D48" s="19">
        <v>52</v>
      </c>
      <c r="E48" s="19">
        <v>44</v>
      </c>
      <c r="F48" s="19"/>
      <c r="G48" s="18" t="s">
        <v>94</v>
      </c>
      <c r="H48" s="17"/>
      <c r="I48" s="13">
        <v>97</v>
      </c>
      <c r="J48" s="19">
        <v>38</v>
      </c>
      <c r="K48" s="19">
        <v>59</v>
      </c>
    </row>
    <row r="49" spans="1:11" ht="15" customHeight="1">
      <c r="A49" s="17" t="s">
        <v>95</v>
      </c>
      <c r="B49" s="17"/>
      <c r="C49" s="13">
        <v>79</v>
      </c>
      <c r="D49" s="19">
        <v>36</v>
      </c>
      <c r="E49" s="19">
        <v>43</v>
      </c>
      <c r="F49" s="19"/>
      <c r="G49" s="18" t="s">
        <v>96</v>
      </c>
      <c r="H49" s="17"/>
      <c r="I49" s="13">
        <v>106</v>
      </c>
      <c r="J49" s="19">
        <v>38</v>
      </c>
      <c r="K49" s="19">
        <v>68</v>
      </c>
    </row>
    <row r="50" spans="1:11" ht="15" customHeight="1">
      <c r="A50" s="17" t="s">
        <v>97</v>
      </c>
      <c r="B50" s="17"/>
      <c r="C50" s="13">
        <v>104</v>
      </c>
      <c r="D50" s="19">
        <v>67</v>
      </c>
      <c r="E50" s="19">
        <v>37</v>
      </c>
      <c r="F50" s="19"/>
      <c r="G50" s="18" t="s">
        <v>98</v>
      </c>
      <c r="H50" s="17"/>
      <c r="I50" s="13">
        <v>90</v>
      </c>
      <c r="J50" s="19">
        <v>31</v>
      </c>
      <c r="K50" s="19">
        <v>59</v>
      </c>
    </row>
    <row r="51" spans="1:11" ht="15" customHeight="1">
      <c r="A51" s="17" t="s">
        <v>99</v>
      </c>
      <c r="B51" s="17"/>
      <c r="C51" s="13">
        <v>76</v>
      </c>
      <c r="D51" s="19">
        <v>38</v>
      </c>
      <c r="E51" s="19">
        <v>38</v>
      </c>
      <c r="F51" s="19"/>
      <c r="G51" s="18" t="s">
        <v>100</v>
      </c>
      <c r="H51" s="17"/>
      <c r="I51" s="13">
        <v>68</v>
      </c>
      <c r="J51" s="19">
        <v>19</v>
      </c>
      <c r="K51" s="19">
        <v>49</v>
      </c>
    </row>
    <row r="52" spans="1:11" ht="15" customHeight="1">
      <c r="A52" s="17" t="s">
        <v>101</v>
      </c>
      <c r="B52" s="17"/>
      <c r="C52" s="13">
        <v>71</v>
      </c>
      <c r="D52" s="19">
        <v>48</v>
      </c>
      <c r="E52" s="19">
        <v>23</v>
      </c>
      <c r="F52" s="19"/>
      <c r="G52" s="18" t="s">
        <v>102</v>
      </c>
      <c r="H52" s="17"/>
      <c r="I52" s="13">
        <v>69</v>
      </c>
      <c r="J52" s="19">
        <v>25</v>
      </c>
      <c r="K52" s="19">
        <v>44</v>
      </c>
    </row>
    <row r="53" spans="1:11" ht="20.100000000000001" customHeight="1">
      <c r="A53" s="17" t="s">
        <v>103</v>
      </c>
      <c r="B53" s="17"/>
      <c r="C53" s="13">
        <v>435</v>
      </c>
      <c r="D53" s="14">
        <v>231</v>
      </c>
      <c r="E53" s="14">
        <v>204</v>
      </c>
      <c r="F53" s="14"/>
      <c r="G53" s="18" t="s">
        <v>104</v>
      </c>
      <c r="H53" s="17"/>
      <c r="I53" s="13">
        <v>191</v>
      </c>
      <c r="J53" s="14">
        <v>48</v>
      </c>
      <c r="K53" s="14">
        <v>143</v>
      </c>
    </row>
    <row r="54" spans="1:11" ht="15" customHeight="1">
      <c r="A54" s="17" t="s">
        <v>105</v>
      </c>
      <c r="B54" s="17"/>
      <c r="C54" s="13">
        <v>83</v>
      </c>
      <c r="D54" s="19">
        <v>45</v>
      </c>
      <c r="E54" s="19">
        <v>38</v>
      </c>
      <c r="F54" s="19"/>
      <c r="G54" s="18" t="s">
        <v>106</v>
      </c>
      <c r="H54" s="17"/>
      <c r="I54" s="13">
        <v>53</v>
      </c>
      <c r="J54" s="19">
        <v>11</v>
      </c>
      <c r="K54" s="19">
        <v>42</v>
      </c>
    </row>
    <row r="55" spans="1:11" ht="15" customHeight="1">
      <c r="A55" s="17" t="s">
        <v>107</v>
      </c>
      <c r="B55" s="17"/>
      <c r="C55" s="13">
        <v>88</v>
      </c>
      <c r="D55" s="19">
        <v>48</v>
      </c>
      <c r="E55" s="19">
        <v>40</v>
      </c>
      <c r="F55" s="19"/>
      <c r="G55" s="18" t="s">
        <v>108</v>
      </c>
      <c r="H55" s="17"/>
      <c r="I55" s="13">
        <v>34</v>
      </c>
      <c r="J55" s="19">
        <v>11</v>
      </c>
      <c r="K55" s="19">
        <v>23</v>
      </c>
    </row>
    <row r="56" spans="1:11" ht="15" customHeight="1">
      <c r="A56" s="17" t="s">
        <v>109</v>
      </c>
      <c r="B56" s="17"/>
      <c r="C56" s="13">
        <v>84</v>
      </c>
      <c r="D56" s="19">
        <v>48</v>
      </c>
      <c r="E56" s="19">
        <v>36</v>
      </c>
      <c r="F56" s="19"/>
      <c r="G56" s="18" t="s">
        <v>110</v>
      </c>
      <c r="H56" s="17"/>
      <c r="I56" s="13">
        <v>46</v>
      </c>
      <c r="J56" s="19">
        <v>16</v>
      </c>
      <c r="K56" s="19">
        <v>30</v>
      </c>
    </row>
    <row r="57" spans="1:11" ht="15" customHeight="1">
      <c r="A57" s="17" t="s">
        <v>111</v>
      </c>
      <c r="B57" s="17"/>
      <c r="C57" s="13">
        <v>102</v>
      </c>
      <c r="D57" s="19">
        <v>49</v>
      </c>
      <c r="E57" s="19">
        <v>53</v>
      </c>
      <c r="F57" s="19"/>
      <c r="G57" s="18" t="s">
        <v>112</v>
      </c>
      <c r="H57" s="17"/>
      <c r="I57" s="13">
        <v>29</v>
      </c>
      <c r="J57" s="19">
        <v>3</v>
      </c>
      <c r="K57" s="19">
        <v>26</v>
      </c>
    </row>
    <row r="58" spans="1:11" ht="15" customHeight="1">
      <c r="A58" s="17" t="s">
        <v>113</v>
      </c>
      <c r="B58" s="17"/>
      <c r="C58" s="13">
        <v>78</v>
      </c>
      <c r="D58" s="19">
        <v>41</v>
      </c>
      <c r="E58" s="19">
        <v>37</v>
      </c>
      <c r="F58" s="19"/>
      <c r="G58" s="18" t="s">
        <v>114</v>
      </c>
      <c r="H58" s="17"/>
      <c r="I58" s="13">
        <v>29</v>
      </c>
      <c r="J58" s="19">
        <v>7</v>
      </c>
      <c r="K58" s="19">
        <v>22</v>
      </c>
    </row>
    <row r="59" spans="1:11" ht="20.100000000000001" customHeight="1">
      <c r="A59" s="17" t="s">
        <v>115</v>
      </c>
      <c r="B59" s="17"/>
      <c r="C59" s="13">
        <v>580</v>
      </c>
      <c r="D59" s="14">
        <v>294</v>
      </c>
      <c r="E59" s="14">
        <v>286</v>
      </c>
      <c r="F59" s="14"/>
      <c r="G59" s="18" t="s">
        <v>116</v>
      </c>
      <c r="H59" s="17"/>
      <c r="I59" s="13">
        <v>66</v>
      </c>
      <c r="J59" s="14">
        <v>9</v>
      </c>
      <c r="K59" s="14">
        <v>57</v>
      </c>
    </row>
    <row r="60" spans="1:11" ht="15" customHeight="1">
      <c r="A60" s="17" t="s">
        <v>117</v>
      </c>
      <c r="B60" s="17"/>
      <c r="C60" s="13">
        <v>103</v>
      </c>
      <c r="D60" s="19">
        <v>57</v>
      </c>
      <c r="E60" s="19">
        <v>46</v>
      </c>
      <c r="F60" s="19"/>
      <c r="G60" s="18" t="s">
        <v>118</v>
      </c>
      <c r="H60" s="17"/>
      <c r="I60" s="13">
        <v>18</v>
      </c>
      <c r="J60" s="19">
        <v>3</v>
      </c>
      <c r="K60" s="19">
        <v>15</v>
      </c>
    </row>
    <row r="61" spans="1:11" ht="15" customHeight="1">
      <c r="A61" s="17" t="s">
        <v>119</v>
      </c>
      <c r="B61" s="17"/>
      <c r="C61" s="13">
        <v>106</v>
      </c>
      <c r="D61" s="19">
        <v>59</v>
      </c>
      <c r="E61" s="19">
        <v>47</v>
      </c>
      <c r="F61" s="19"/>
      <c r="G61" s="18" t="s">
        <v>120</v>
      </c>
      <c r="H61" s="17"/>
      <c r="I61" s="13">
        <v>20</v>
      </c>
      <c r="J61" s="19">
        <v>3</v>
      </c>
      <c r="K61" s="19">
        <v>17</v>
      </c>
    </row>
    <row r="62" spans="1:11" ht="15" customHeight="1">
      <c r="A62" s="17" t="s">
        <v>121</v>
      </c>
      <c r="B62" s="17"/>
      <c r="C62" s="13">
        <v>111</v>
      </c>
      <c r="D62" s="19">
        <v>56</v>
      </c>
      <c r="E62" s="19">
        <v>55</v>
      </c>
      <c r="F62" s="19"/>
      <c r="G62" s="18" t="s">
        <v>122</v>
      </c>
      <c r="H62" s="17"/>
      <c r="I62" s="13">
        <v>20</v>
      </c>
      <c r="J62" s="19">
        <v>0</v>
      </c>
      <c r="K62" s="19">
        <v>20</v>
      </c>
    </row>
    <row r="63" spans="1:11" ht="15" customHeight="1">
      <c r="A63" s="17" t="s">
        <v>123</v>
      </c>
      <c r="B63" s="17"/>
      <c r="C63" s="13">
        <v>134</v>
      </c>
      <c r="D63" s="19">
        <v>58</v>
      </c>
      <c r="E63" s="19">
        <v>76</v>
      </c>
      <c r="F63" s="19"/>
      <c r="G63" s="18" t="s">
        <v>124</v>
      </c>
      <c r="H63" s="17"/>
      <c r="I63" s="13">
        <v>6</v>
      </c>
      <c r="J63" s="19">
        <v>3</v>
      </c>
      <c r="K63" s="19">
        <v>3</v>
      </c>
    </row>
    <row r="64" spans="1:11" ht="15" customHeight="1">
      <c r="A64" s="17" t="s">
        <v>125</v>
      </c>
      <c r="B64" s="17"/>
      <c r="C64" s="13">
        <v>126</v>
      </c>
      <c r="D64" s="19">
        <v>64</v>
      </c>
      <c r="E64" s="19">
        <v>62</v>
      </c>
      <c r="F64" s="19"/>
      <c r="G64" s="18" t="s">
        <v>126</v>
      </c>
      <c r="H64" s="17"/>
      <c r="I64" s="13">
        <v>2</v>
      </c>
      <c r="J64" s="19">
        <v>0</v>
      </c>
      <c r="K64" s="19">
        <v>2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2</v>
      </c>
      <c r="J65" s="19">
        <v>1</v>
      </c>
      <c r="K65" s="19">
        <v>11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549</v>
      </c>
      <c r="J66" s="27">
        <v>314</v>
      </c>
      <c r="K66" s="27">
        <v>235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90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6575</v>
      </c>
      <c r="D4" s="14">
        <v>3042</v>
      </c>
      <c r="E4" s="14">
        <v>353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108</v>
      </c>
      <c r="D5" s="14">
        <v>48</v>
      </c>
      <c r="E5" s="14">
        <v>60</v>
      </c>
      <c r="F5" s="14"/>
      <c r="G5" s="18" t="s">
        <v>8</v>
      </c>
      <c r="H5" s="17"/>
      <c r="I5" s="13">
        <v>480</v>
      </c>
      <c r="J5" s="14">
        <v>225</v>
      </c>
      <c r="K5" s="14">
        <v>255</v>
      </c>
    </row>
    <row r="6" spans="1:11" ht="15" customHeight="1">
      <c r="A6" s="17" t="s">
        <v>9</v>
      </c>
      <c r="B6" s="17"/>
      <c r="C6" s="13">
        <v>19</v>
      </c>
      <c r="D6" s="19">
        <v>9</v>
      </c>
      <c r="E6" s="19">
        <v>10</v>
      </c>
      <c r="F6" s="19"/>
      <c r="G6" s="18" t="s">
        <v>10</v>
      </c>
      <c r="H6" s="17"/>
      <c r="I6" s="13">
        <v>88</v>
      </c>
      <c r="J6" s="19">
        <v>45</v>
      </c>
      <c r="K6" s="19">
        <v>43</v>
      </c>
    </row>
    <row r="7" spans="1:11" ht="15" customHeight="1">
      <c r="A7" s="17" t="s">
        <v>11</v>
      </c>
      <c r="B7" s="17"/>
      <c r="C7" s="13">
        <v>17</v>
      </c>
      <c r="D7" s="19">
        <v>9</v>
      </c>
      <c r="E7" s="19">
        <v>8</v>
      </c>
      <c r="F7" s="19"/>
      <c r="G7" s="18" t="s">
        <v>12</v>
      </c>
      <c r="H7" s="17"/>
      <c r="I7" s="13">
        <v>82</v>
      </c>
      <c r="J7" s="19">
        <v>42</v>
      </c>
      <c r="K7" s="19">
        <v>40</v>
      </c>
    </row>
    <row r="8" spans="1:11" ht="15" customHeight="1">
      <c r="A8" s="17" t="s">
        <v>13</v>
      </c>
      <c r="B8" s="17"/>
      <c r="C8" s="13">
        <v>15</v>
      </c>
      <c r="D8" s="19">
        <v>4</v>
      </c>
      <c r="E8" s="19">
        <v>11</v>
      </c>
      <c r="F8" s="19"/>
      <c r="G8" s="18" t="s">
        <v>14</v>
      </c>
      <c r="H8" s="17"/>
      <c r="I8" s="13">
        <v>92</v>
      </c>
      <c r="J8" s="19">
        <v>38</v>
      </c>
      <c r="K8" s="19">
        <v>54</v>
      </c>
    </row>
    <row r="9" spans="1:11" ht="15" customHeight="1">
      <c r="A9" s="17" t="s">
        <v>15</v>
      </c>
      <c r="B9" s="17"/>
      <c r="C9" s="13">
        <v>33</v>
      </c>
      <c r="D9" s="19">
        <v>19</v>
      </c>
      <c r="E9" s="19">
        <v>14</v>
      </c>
      <c r="F9" s="19"/>
      <c r="G9" s="18" t="s">
        <v>16</v>
      </c>
      <c r="H9" s="17"/>
      <c r="I9" s="13">
        <v>105</v>
      </c>
      <c r="J9" s="19">
        <v>48</v>
      </c>
      <c r="K9" s="19">
        <v>57</v>
      </c>
    </row>
    <row r="10" spans="1:11" ht="15" customHeight="1">
      <c r="A10" s="17" t="s">
        <v>17</v>
      </c>
      <c r="B10" s="17"/>
      <c r="C10" s="13">
        <v>24</v>
      </c>
      <c r="D10" s="19">
        <v>7</v>
      </c>
      <c r="E10" s="19">
        <v>17</v>
      </c>
      <c r="F10" s="19"/>
      <c r="G10" s="18" t="s">
        <v>18</v>
      </c>
      <c r="H10" s="17"/>
      <c r="I10" s="13">
        <v>113</v>
      </c>
      <c r="J10" s="19">
        <v>52</v>
      </c>
      <c r="K10" s="19">
        <v>61</v>
      </c>
    </row>
    <row r="11" spans="1:11" ht="20.100000000000001" customHeight="1">
      <c r="A11" s="17" t="s">
        <v>19</v>
      </c>
      <c r="B11" s="17"/>
      <c r="C11" s="13">
        <v>156</v>
      </c>
      <c r="D11" s="14">
        <v>86</v>
      </c>
      <c r="E11" s="14">
        <v>70</v>
      </c>
      <c r="F11" s="14"/>
      <c r="G11" s="18" t="s">
        <v>20</v>
      </c>
      <c r="H11" s="17"/>
      <c r="I11" s="13">
        <v>540</v>
      </c>
      <c r="J11" s="14">
        <v>258</v>
      </c>
      <c r="K11" s="14">
        <v>282</v>
      </c>
    </row>
    <row r="12" spans="1:11" ht="15" customHeight="1">
      <c r="A12" s="17" t="s">
        <v>21</v>
      </c>
      <c r="B12" s="17"/>
      <c r="C12" s="13">
        <v>27</v>
      </c>
      <c r="D12" s="19">
        <v>14</v>
      </c>
      <c r="E12" s="19">
        <v>13</v>
      </c>
      <c r="F12" s="19"/>
      <c r="G12" s="18" t="s">
        <v>22</v>
      </c>
      <c r="H12" s="17"/>
      <c r="I12" s="13">
        <v>94</v>
      </c>
      <c r="J12" s="19">
        <v>50</v>
      </c>
      <c r="K12" s="19">
        <v>44</v>
      </c>
    </row>
    <row r="13" spans="1:11" ht="15" customHeight="1">
      <c r="A13" s="17" t="s">
        <v>23</v>
      </c>
      <c r="B13" s="17"/>
      <c r="C13" s="13">
        <v>28</v>
      </c>
      <c r="D13" s="19">
        <v>15</v>
      </c>
      <c r="E13" s="19">
        <v>13</v>
      </c>
      <c r="F13" s="19"/>
      <c r="G13" s="18" t="s">
        <v>24</v>
      </c>
      <c r="H13" s="17"/>
      <c r="I13" s="13">
        <v>116</v>
      </c>
      <c r="J13" s="19">
        <v>57</v>
      </c>
      <c r="K13" s="19">
        <v>59</v>
      </c>
    </row>
    <row r="14" spans="1:11" ht="15" customHeight="1">
      <c r="A14" s="17" t="s">
        <v>25</v>
      </c>
      <c r="B14" s="17"/>
      <c r="C14" s="13">
        <v>41</v>
      </c>
      <c r="D14" s="19">
        <v>23</v>
      </c>
      <c r="E14" s="19">
        <v>18</v>
      </c>
      <c r="F14" s="19"/>
      <c r="G14" s="18" t="s">
        <v>26</v>
      </c>
      <c r="H14" s="17"/>
      <c r="I14" s="13">
        <v>108</v>
      </c>
      <c r="J14" s="19">
        <v>52</v>
      </c>
      <c r="K14" s="19">
        <v>56</v>
      </c>
    </row>
    <row r="15" spans="1:11" ht="15" customHeight="1">
      <c r="A15" s="17" t="s">
        <v>27</v>
      </c>
      <c r="B15" s="17"/>
      <c r="C15" s="13">
        <v>27</v>
      </c>
      <c r="D15" s="19">
        <v>16</v>
      </c>
      <c r="E15" s="19">
        <v>11</v>
      </c>
      <c r="F15" s="19"/>
      <c r="G15" s="18" t="s">
        <v>28</v>
      </c>
      <c r="H15" s="17"/>
      <c r="I15" s="13">
        <v>100</v>
      </c>
      <c r="J15" s="19">
        <v>43</v>
      </c>
      <c r="K15" s="19">
        <v>57</v>
      </c>
    </row>
    <row r="16" spans="1:11" ht="15" customHeight="1">
      <c r="A16" s="17" t="s">
        <v>29</v>
      </c>
      <c r="B16" s="17"/>
      <c r="C16" s="13">
        <v>33</v>
      </c>
      <c r="D16" s="19">
        <v>18</v>
      </c>
      <c r="E16" s="19">
        <v>15</v>
      </c>
      <c r="F16" s="19"/>
      <c r="G16" s="18" t="s">
        <v>30</v>
      </c>
      <c r="H16" s="17"/>
      <c r="I16" s="13">
        <v>122</v>
      </c>
      <c r="J16" s="19">
        <v>56</v>
      </c>
      <c r="K16" s="19">
        <v>66</v>
      </c>
    </row>
    <row r="17" spans="1:11" ht="20.100000000000001" customHeight="1">
      <c r="A17" s="20" t="s">
        <v>31</v>
      </c>
      <c r="B17" s="20"/>
      <c r="C17" s="13">
        <v>167</v>
      </c>
      <c r="D17" s="14">
        <v>76</v>
      </c>
      <c r="E17" s="14">
        <v>91</v>
      </c>
      <c r="F17" s="14"/>
      <c r="G17" s="18" t="s">
        <v>32</v>
      </c>
      <c r="H17" s="17"/>
      <c r="I17" s="13">
        <v>535</v>
      </c>
      <c r="J17" s="14">
        <v>260</v>
      </c>
      <c r="K17" s="14">
        <v>275</v>
      </c>
    </row>
    <row r="18" spans="1:11" ht="15" customHeight="1">
      <c r="A18" s="17" t="s">
        <v>33</v>
      </c>
      <c r="B18" s="17"/>
      <c r="C18" s="13">
        <v>32</v>
      </c>
      <c r="D18" s="19">
        <v>16</v>
      </c>
      <c r="E18" s="19">
        <v>16</v>
      </c>
      <c r="F18" s="19"/>
      <c r="G18" s="18" t="s">
        <v>34</v>
      </c>
      <c r="H18" s="17"/>
      <c r="I18" s="13">
        <v>109</v>
      </c>
      <c r="J18" s="19">
        <v>49</v>
      </c>
      <c r="K18" s="19">
        <v>60</v>
      </c>
    </row>
    <row r="19" spans="1:11" ht="15" customHeight="1">
      <c r="A19" s="17" t="s">
        <v>35</v>
      </c>
      <c r="B19" s="17"/>
      <c r="C19" s="13">
        <v>32</v>
      </c>
      <c r="D19" s="19">
        <v>10</v>
      </c>
      <c r="E19" s="19">
        <v>22</v>
      </c>
      <c r="F19" s="19"/>
      <c r="G19" s="18" t="s">
        <v>36</v>
      </c>
      <c r="H19" s="17"/>
      <c r="I19" s="13">
        <v>95</v>
      </c>
      <c r="J19" s="19">
        <v>43</v>
      </c>
      <c r="K19" s="19">
        <v>52</v>
      </c>
    </row>
    <row r="20" spans="1:11" ht="15" customHeight="1">
      <c r="A20" s="17" t="s">
        <v>37</v>
      </c>
      <c r="B20" s="17"/>
      <c r="C20" s="13">
        <v>33</v>
      </c>
      <c r="D20" s="19">
        <v>13</v>
      </c>
      <c r="E20" s="19">
        <v>20</v>
      </c>
      <c r="F20" s="19"/>
      <c r="G20" s="18" t="s">
        <v>38</v>
      </c>
      <c r="H20" s="17"/>
      <c r="I20" s="13">
        <v>109</v>
      </c>
      <c r="J20" s="19">
        <v>57</v>
      </c>
      <c r="K20" s="19">
        <v>52</v>
      </c>
    </row>
    <row r="21" spans="1:11" ht="15" customHeight="1">
      <c r="A21" s="17" t="s">
        <v>39</v>
      </c>
      <c r="B21" s="17"/>
      <c r="C21" s="13">
        <v>29</v>
      </c>
      <c r="D21" s="19">
        <v>16</v>
      </c>
      <c r="E21" s="19">
        <v>13</v>
      </c>
      <c r="F21" s="19"/>
      <c r="G21" s="18" t="s">
        <v>40</v>
      </c>
      <c r="H21" s="17"/>
      <c r="I21" s="13">
        <v>119</v>
      </c>
      <c r="J21" s="19">
        <v>55</v>
      </c>
      <c r="K21" s="19">
        <v>64</v>
      </c>
    </row>
    <row r="22" spans="1:11" ht="15" customHeight="1">
      <c r="A22" s="17" t="s">
        <v>41</v>
      </c>
      <c r="B22" s="17"/>
      <c r="C22" s="13">
        <v>41</v>
      </c>
      <c r="D22" s="19">
        <v>21</v>
      </c>
      <c r="E22" s="19">
        <v>20</v>
      </c>
      <c r="F22" s="19"/>
      <c r="G22" s="18" t="s">
        <v>42</v>
      </c>
      <c r="H22" s="17"/>
      <c r="I22" s="13">
        <v>103</v>
      </c>
      <c r="J22" s="19">
        <v>56</v>
      </c>
      <c r="K22" s="19">
        <v>47</v>
      </c>
    </row>
    <row r="23" spans="1:11" ht="20.100000000000001" customHeight="1">
      <c r="A23" s="17" t="s">
        <v>43</v>
      </c>
      <c r="B23" s="17"/>
      <c r="C23" s="13">
        <v>205</v>
      </c>
      <c r="D23" s="14">
        <v>105</v>
      </c>
      <c r="E23" s="14">
        <v>100</v>
      </c>
      <c r="F23" s="14"/>
      <c r="G23" s="18" t="s">
        <v>44</v>
      </c>
      <c r="H23" s="17"/>
      <c r="I23" s="13">
        <v>593</v>
      </c>
      <c r="J23" s="14">
        <v>297</v>
      </c>
      <c r="K23" s="14">
        <v>296</v>
      </c>
    </row>
    <row r="24" spans="1:11" ht="15" customHeight="1">
      <c r="A24" s="17" t="s">
        <v>45</v>
      </c>
      <c r="B24" s="17"/>
      <c r="C24" s="13">
        <v>37</v>
      </c>
      <c r="D24" s="19">
        <v>16</v>
      </c>
      <c r="E24" s="19">
        <v>21</v>
      </c>
      <c r="F24" s="19"/>
      <c r="G24" s="18" t="s">
        <v>46</v>
      </c>
      <c r="H24" s="17"/>
      <c r="I24" s="13">
        <v>124</v>
      </c>
      <c r="J24" s="19">
        <v>60</v>
      </c>
      <c r="K24" s="19">
        <v>64</v>
      </c>
    </row>
    <row r="25" spans="1:11" ht="15" customHeight="1">
      <c r="A25" s="17" t="s">
        <v>47</v>
      </c>
      <c r="B25" s="17"/>
      <c r="C25" s="13">
        <v>30</v>
      </c>
      <c r="D25" s="19">
        <v>15</v>
      </c>
      <c r="E25" s="19">
        <v>15</v>
      </c>
      <c r="F25" s="19"/>
      <c r="G25" s="18" t="s">
        <v>48</v>
      </c>
      <c r="H25" s="17"/>
      <c r="I25" s="13">
        <v>111</v>
      </c>
      <c r="J25" s="19">
        <v>55</v>
      </c>
      <c r="K25" s="19">
        <v>56</v>
      </c>
    </row>
    <row r="26" spans="1:11" ht="15" customHeight="1">
      <c r="A26" s="17" t="s">
        <v>49</v>
      </c>
      <c r="B26" s="17"/>
      <c r="C26" s="13">
        <v>46</v>
      </c>
      <c r="D26" s="19">
        <v>25</v>
      </c>
      <c r="E26" s="19">
        <v>21</v>
      </c>
      <c r="F26" s="19"/>
      <c r="G26" s="18" t="s">
        <v>50</v>
      </c>
      <c r="H26" s="17"/>
      <c r="I26" s="13">
        <v>105</v>
      </c>
      <c r="J26" s="19">
        <v>57</v>
      </c>
      <c r="K26" s="19">
        <v>48</v>
      </c>
    </row>
    <row r="27" spans="1:11" ht="15" customHeight="1">
      <c r="A27" s="17" t="s">
        <v>51</v>
      </c>
      <c r="B27" s="17"/>
      <c r="C27" s="13">
        <v>46</v>
      </c>
      <c r="D27" s="19">
        <v>33</v>
      </c>
      <c r="E27" s="19">
        <v>13</v>
      </c>
      <c r="F27" s="19"/>
      <c r="G27" s="18" t="s">
        <v>52</v>
      </c>
      <c r="H27" s="17"/>
      <c r="I27" s="13">
        <v>138</v>
      </c>
      <c r="J27" s="19">
        <v>73</v>
      </c>
      <c r="K27" s="19">
        <v>65</v>
      </c>
    </row>
    <row r="28" spans="1:11" ht="15" customHeight="1">
      <c r="A28" s="17" t="s">
        <v>53</v>
      </c>
      <c r="B28" s="17"/>
      <c r="C28" s="13">
        <v>46</v>
      </c>
      <c r="D28" s="19">
        <v>16</v>
      </c>
      <c r="E28" s="19">
        <v>30</v>
      </c>
      <c r="F28" s="19"/>
      <c r="G28" s="18" t="s">
        <v>54</v>
      </c>
      <c r="H28" s="17"/>
      <c r="I28" s="13">
        <v>115</v>
      </c>
      <c r="J28" s="19">
        <v>52</v>
      </c>
      <c r="K28" s="19">
        <v>63</v>
      </c>
    </row>
    <row r="29" spans="1:11" ht="20.100000000000001" customHeight="1">
      <c r="A29" s="17" t="s">
        <v>55</v>
      </c>
      <c r="B29" s="17"/>
      <c r="C29" s="13">
        <v>188</v>
      </c>
      <c r="D29" s="14">
        <v>90</v>
      </c>
      <c r="E29" s="14">
        <v>98</v>
      </c>
      <c r="F29" s="14"/>
      <c r="G29" s="18" t="s">
        <v>56</v>
      </c>
      <c r="H29" s="17"/>
      <c r="I29" s="13">
        <v>739</v>
      </c>
      <c r="J29" s="14">
        <v>349</v>
      </c>
      <c r="K29" s="14">
        <v>390</v>
      </c>
    </row>
    <row r="30" spans="1:11" ht="15" customHeight="1">
      <c r="A30" s="17" t="s">
        <v>57</v>
      </c>
      <c r="B30" s="17"/>
      <c r="C30" s="13">
        <v>49</v>
      </c>
      <c r="D30" s="19">
        <v>27</v>
      </c>
      <c r="E30" s="19">
        <v>22</v>
      </c>
      <c r="F30" s="19"/>
      <c r="G30" s="18" t="s">
        <v>58</v>
      </c>
      <c r="H30" s="17"/>
      <c r="I30" s="13">
        <v>128</v>
      </c>
      <c r="J30" s="19">
        <v>69</v>
      </c>
      <c r="K30" s="19">
        <v>59</v>
      </c>
    </row>
    <row r="31" spans="1:11" ht="15" customHeight="1">
      <c r="A31" s="17" t="s">
        <v>59</v>
      </c>
      <c r="B31" s="17"/>
      <c r="C31" s="13">
        <v>42</v>
      </c>
      <c r="D31" s="19">
        <v>22</v>
      </c>
      <c r="E31" s="19">
        <v>20</v>
      </c>
      <c r="F31" s="19"/>
      <c r="G31" s="18" t="s">
        <v>60</v>
      </c>
      <c r="H31" s="17"/>
      <c r="I31" s="13">
        <v>139</v>
      </c>
      <c r="J31" s="19">
        <v>55</v>
      </c>
      <c r="K31" s="19">
        <v>84</v>
      </c>
    </row>
    <row r="32" spans="1:11" ht="15" customHeight="1">
      <c r="A32" s="17" t="s">
        <v>61</v>
      </c>
      <c r="B32" s="17"/>
      <c r="C32" s="13">
        <v>36</v>
      </c>
      <c r="D32" s="19">
        <v>17</v>
      </c>
      <c r="E32" s="19">
        <v>19</v>
      </c>
      <c r="F32" s="19"/>
      <c r="G32" s="18" t="s">
        <v>62</v>
      </c>
      <c r="H32" s="17"/>
      <c r="I32" s="13">
        <v>151</v>
      </c>
      <c r="J32" s="19">
        <v>68</v>
      </c>
      <c r="K32" s="19">
        <v>83</v>
      </c>
    </row>
    <row r="33" spans="1:11" ht="15" customHeight="1">
      <c r="A33" s="17" t="s">
        <v>63</v>
      </c>
      <c r="B33" s="17"/>
      <c r="C33" s="13">
        <v>28</v>
      </c>
      <c r="D33" s="19">
        <v>14</v>
      </c>
      <c r="E33" s="19">
        <v>14</v>
      </c>
      <c r="F33" s="19"/>
      <c r="G33" s="18" t="s">
        <v>64</v>
      </c>
      <c r="H33" s="17"/>
      <c r="I33" s="13">
        <v>154</v>
      </c>
      <c r="J33" s="19">
        <v>76</v>
      </c>
      <c r="K33" s="19">
        <v>78</v>
      </c>
    </row>
    <row r="34" spans="1:11" ht="15" customHeight="1">
      <c r="A34" s="17" t="s">
        <v>65</v>
      </c>
      <c r="B34" s="17"/>
      <c r="C34" s="13">
        <v>33</v>
      </c>
      <c r="D34" s="19">
        <v>10</v>
      </c>
      <c r="E34" s="19">
        <v>23</v>
      </c>
      <c r="F34" s="19"/>
      <c r="G34" s="18" t="s">
        <v>66</v>
      </c>
      <c r="H34" s="17"/>
      <c r="I34" s="13">
        <v>167</v>
      </c>
      <c r="J34" s="19">
        <v>81</v>
      </c>
      <c r="K34" s="19">
        <v>86</v>
      </c>
    </row>
    <row r="35" spans="1:11" ht="20.100000000000001" customHeight="1">
      <c r="A35" s="17" t="s">
        <v>67</v>
      </c>
      <c r="B35" s="17"/>
      <c r="C35" s="13">
        <v>186</v>
      </c>
      <c r="D35" s="14">
        <v>100</v>
      </c>
      <c r="E35" s="14">
        <v>86</v>
      </c>
      <c r="F35" s="14"/>
      <c r="G35" s="18" t="s">
        <v>68</v>
      </c>
      <c r="H35" s="17"/>
      <c r="I35" s="13">
        <v>620</v>
      </c>
      <c r="J35" s="14">
        <v>262</v>
      </c>
      <c r="K35" s="14">
        <v>358</v>
      </c>
    </row>
    <row r="36" spans="1:11" ht="15" customHeight="1">
      <c r="A36" s="17" t="s">
        <v>69</v>
      </c>
      <c r="B36" s="17"/>
      <c r="C36" s="13">
        <v>30</v>
      </c>
      <c r="D36" s="19">
        <v>20</v>
      </c>
      <c r="E36" s="19">
        <v>10</v>
      </c>
      <c r="F36" s="19"/>
      <c r="G36" s="18" t="s">
        <v>70</v>
      </c>
      <c r="H36" s="17"/>
      <c r="I36" s="13">
        <v>121</v>
      </c>
      <c r="J36" s="19">
        <v>47</v>
      </c>
      <c r="K36" s="19">
        <v>74</v>
      </c>
    </row>
    <row r="37" spans="1:11" ht="15" customHeight="1">
      <c r="A37" s="17" t="s">
        <v>71</v>
      </c>
      <c r="B37" s="17"/>
      <c r="C37" s="13">
        <v>44</v>
      </c>
      <c r="D37" s="19">
        <v>20</v>
      </c>
      <c r="E37" s="19">
        <v>24</v>
      </c>
      <c r="F37" s="19"/>
      <c r="G37" s="18" t="s">
        <v>72</v>
      </c>
      <c r="H37" s="17"/>
      <c r="I37" s="13">
        <v>111</v>
      </c>
      <c r="J37" s="19">
        <v>43</v>
      </c>
      <c r="K37" s="19">
        <v>68</v>
      </c>
    </row>
    <row r="38" spans="1:11" ht="15" customHeight="1">
      <c r="A38" s="17" t="s">
        <v>73</v>
      </c>
      <c r="B38" s="17"/>
      <c r="C38" s="13">
        <v>42</v>
      </c>
      <c r="D38" s="19">
        <v>22</v>
      </c>
      <c r="E38" s="19">
        <v>20</v>
      </c>
      <c r="F38" s="19"/>
      <c r="G38" s="18" t="s">
        <v>74</v>
      </c>
      <c r="H38" s="17"/>
      <c r="I38" s="13">
        <v>143</v>
      </c>
      <c r="J38" s="19">
        <v>67</v>
      </c>
      <c r="K38" s="19">
        <v>76</v>
      </c>
    </row>
    <row r="39" spans="1:11" ht="15" customHeight="1">
      <c r="A39" s="17" t="s">
        <v>75</v>
      </c>
      <c r="B39" s="17"/>
      <c r="C39" s="13">
        <v>34</v>
      </c>
      <c r="D39" s="19">
        <v>17</v>
      </c>
      <c r="E39" s="19">
        <v>17</v>
      </c>
      <c r="F39" s="19"/>
      <c r="G39" s="18" t="s">
        <v>76</v>
      </c>
      <c r="H39" s="17"/>
      <c r="I39" s="13">
        <v>132</v>
      </c>
      <c r="J39" s="19">
        <v>55</v>
      </c>
      <c r="K39" s="19">
        <v>77</v>
      </c>
    </row>
    <row r="40" spans="1:11" ht="15" customHeight="1">
      <c r="A40" s="17" t="s">
        <v>77</v>
      </c>
      <c r="B40" s="17"/>
      <c r="C40" s="13">
        <v>36</v>
      </c>
      <c r="D40" s="19">
        <v>21</v>
      </c>
      <c r="E40" s="19">
        <v>15</v>
      </c>
      <c r="F40" s="19"/>
      <c r="G40" s="18" t="s">
        <v>78</v>
      </c>
      <c r="H40" s="17"/>
      <c r="I40" s="13">
        <v>113</v>
      </c>
      <c r="J40" s="19">
        <v>50</v>
      </c>
      <c r="K40" s="19">
        <v>63</v>
      </c>
    </row>
    <row r="41" spans="1:11" ht="20.100000000000001" customHeight="1">
      <c r="A41" s="17" t="s">
        <v>79</v>
      </c>
      <c r="B41" s="17"/>
      <c r="C41" s="13">
        <v>187</v>
      </c>
      <c r="D41" s="14">
        <v>91</v>
      </c>
      <c r="E41" s="14">
        <v>96</v>
      </c>
      <c r="F41" s="14"/>
      <c r="G41" s="18" t="s">
        <v>80</v>
      </c>
      <c r="H41" s="17"/>
      <c r="I41" s="13">
        <v>477</v>
      </c>
      <c r="J41" s="14">
        <v>194</v>
      </c>
      <c r="K41" s="14">
        <v>283</v>
      </c>
    </row>
    <row r="42" spans="1:11" ht="15" customHeight="1">
      <c r="A42" s="17" t="s">
        <v>81</v>
      </c>
      <c r="B42" s="17"/>
      <c r="C42" s="13">
        <v>23</v>
      </c>
      <c r="D42" s="19">
        <v>14</v>
      </c>
      <c r="E42" s="19">
        <v>9</v>
      </c>
      <c r="F42" s="19"/>
      <c r="G42" s="18" t="s">
        <v>82</v>
      </c>
      <c r="H42" s="17"/>
      <c r="I42" s="13">
        <v>121</v>
      </c>
      <c r="J42" s="19">
        <v>59</v>
      </c>
      <c r="K42" s="19">
        <v>62</v>
      </c>
    </row>
    <row r="43" spans="1:11" ht="15" customHeight="1">
      <c r="A43" s="17" t="s">
        <v>83</v>
      </c>
      <c r="B43" s="17"/>
      <c r="C43" s="13">
        <v>39</v>
      </c>
      <c r="D43" s="19">
        <v>17</v>
      </c>
      <c r="E43" s="19">
        <v>22</v>
      </c>
      <c r="F43" s="19"/>
      <c r="G43" s="18" t="s">
        <v>84</v>
      </c>
      <c r="H43" s="17"/>
      <c r="I43" s="13">
        <v>126</v>
      </c>
      <c r="J43" s="19">
        <v>45</v>
      </c>
      <c r="K43" s="19">
        <v>81</v>
      </c>
    </row>
    <row r="44" spans="1:11" ht="15" customHeight="1">
      <c r="A44" s="17" t="s">
        <v>85</v>
      </c>
      <c r="B44" s="17"/>
      <c r="C44" s="13">
        <v>33</v>
      </c>
      <c r="D44" s="19">
        <v>15</v>
      </c>
      <c r="E44" s="19">
        <v>18</v>
      </c>
      <c r="F44" s="19"/>
      <c r="G44" s="18" t="s">
        <v>86</v>
      </c>
      <c r="H44" s="17"/>
      <c r="I44" s="13">
        <v>73</v>
      </c>
      <c r="J44" s="19">
        <v>25</v>
      </c>
      <c r="K44" s="19">
        <v>48</v>
      </c>
    </row>
    <row r="45" spans="1:11" ht="15" customHeight="1">
      <c r="A45" s="17" t="s">
        <v>87</v>
      </c>
      <c r="B45" s="17"/>
      <c r="C45" s="13">
        <v>47</v>
      </c>
      <c r="D45" s="19">
        <v>25</v>
      </c>
      <c r="E45" s="19">
        <v>22</v>
      </c>
      <c r="F45" s="19"/>
      <c r="G45" s="18" t="s">
        <v>88</v>
      </c>
      <c r="H45" s="17"/>
      <c r="I45" s="13">
        <v>80</v>
      </c>
      <c r="J45" s="19">
        <v>35</v>
      </c>
      <c r="K45" s="19">
        <v>45</v>
      </c>
    </row>
    <row r="46" spans="1:11" ht="15" customHeight="1">
      <c r="A46" s="17" t="s">
        <v>89</v>
      </c>
      <c r="B46" s="17"/>
      <c r="C46" s="13">
        <v>45</v>
      </c>
      <c r="D46" s="19">
        <v>20</v>
      </c>
      <c r="E46" s="19">
        <v>25</v>
      </c>
      <c r="F46" s="19"/>
      <c r="G46" s="18" t="s">
        <v>90</v>
      </c>
      <c r="H46" s="17"/>
      <c r="I46" s="13">
        <v>77</v>
      </c>
      <c r="J46" s="19">
        <v>30</v>
      </c>
      <c r="K46" s="19">
        <v>47</v>
      </c>
    </row>
    <row r="47" spans="1:11" ht="20.100000000000001" customHeight="1">
      <c r="A47" s="17" t="s">
        <v>91</v>
      </c>
      <c r="B47" s="17"/>
      <c r="C47" s="13">
        <v>221</v>
      </c>
      <c r="D47" s="14">
        <v>113</v>
      </c>
      <c r="E47" s="14">
        <v>108</v>
      </c>
      <c r="F47" s="14"/>
      <c r="G47" s="18" t="s">
        <v>92</v>
      </c>
      <c r="H47" s="17"/>
      <c r="I47" s="13">
        <v>315</v>
      </c>
      <c r="J47" s="14">
        <v>105</v>
      </c>
      <c r="K47" s="14">
        <v>210</v>
      </c>
    </row>
    <row r="48" spans="1:11" ht="15" customHeight="1">
      <c r="A48" s="17" t="s">
        <v>93</v>
      </c>
      <c r="B48" s="17"/>
      <c r="C48" s="13">
        <v>43</v>
      </c>
      <c r="D48" s="19">
        <v>19</v>
      </c>
      <c r="E48" s="19">
        <v>24</v>
      </c>
      <c r="F48" s="19"/>
      <c r="G48" s="18" t="s">
        <v>94</v>
      </c>
      <c r="H48" s="17"/>
      <c r="I48" s="13">
        <v>81</v>
      </c>
      <c r="J48" s="19">
        <v>26</v>
      </c>
      <c r="K48" s="19">
        <v>55</v>
      </c>
    </row>
    <row r="49" spans="1:11" ht="15" customHeight="1">
      <c r="A49" s="17" t="s">
        <v>95</v>
      </c>
      <c r="B49" s="17"/>
      <c r="C49" s="13">
        <v>31</v>
      </c>
      <c r="D49" s="19">
        <v>15</v>
      </c>
      <c r="E49" s="19">
        <v>16</v>
      </c>
      <c r="F49" s="19"/>
      <c r="G49" s="18" t="s">
        <v>96</v>
      </c>
      <c r="H49" s="17"/>
      <c r="I49" s="13">
        <v>61</v>
      </c>
      <c r="J49" s="19">
        <v>16</v>
      </c>
      <c r="K49" s="19">
        <v>45</v>
      </c>
    </row>
    <row r="50" spans="1:11" ht="15" customHeight="1">
      <c r="A50" s="17" t="s">
        <v>97</v>
      </c>
      <c r="B50" s="17"/>
      <c r="C50" s="13">
        <v>51</v>
      </c>
      <c r="D50" s="19">
        <v>27</v>
      </c>
      <c r="E50" s="19">
        <v>24</v>
      </c>
      <c r="F50" s="19"/>
      <c r="G50" s="18" t="s">
        <v>98</v>
      </c>
      <c r="H50" s="17"/>
      <c r="I50" s="13">
        <v>77</v>
      </c>
      <c r="J50" s="19">
        <v>23</v>
      </c>
      <c r="K50" s="19">
        <v>54</v>
      </c>
    </row>
    <row r="51" spans="1:11" ht="15" customHeight="1">
      <c r="A51" s="17" t="s">
        <v>99</v>
      </c>
      <c r="B51" s="17"/>
      <c r="C51" s="13">
        <v>42</v>
      </c>
      <c r="D51" s="19">
        <v>29</v>
      </c>
      <c r="E51" s="19">
        <v>13</v>
      </c>
      <c r="F51" s="19"/>
      <c r="G51" s="18" t="s">
        <v>100</v>
      </c>
      <c r="H51" s="17"/>
      <c r="I51" s="13">
        <v>54</v>
      </c>
      <c r="J51" s="19">
        <v>25</v>
      </c>
      <c r="K51" s="19">
        <v>29</v>
      </c>
    </row>
    <row r="52" spans="1:11" ht="15" customHeight="1">
      <c r="A52" s="17" t="s">
        <v>101</v>
      </c>
      <c r="B52" s="17"/>
      <c r="C52" s="13">
        <v>54</v>
      </c>
      <c r="D52" s="19">
        <v>23</v>
      </c>
      <c r="E52" s="19">
        <v>31</v>
      </c>
      <c r="F52" s="19"/>
      <c r="G52" s="18" t="s">
        <v>102</v>
      </c>
      <c r="H52" s="17"/>
      <c r="I52" s="13">
        <v>42</v>
      </c>
      <c r="J52" s="19">
        <v>15</v>
      </c>
      <c r="K52" s="19">
        <v>27</v>
      </c>
    </row>
    <row r="53" spans="1:11" ht="20.100000000000001" customHeight="1">
      <c r="A53" s="17" t="s">
        <v>103</v>
      </c>
      <c r="B53" s="17"/>
      <c r="C53" s="13">
        <v>267</v>
      </c>
      <c r="D53" s="14">
        <v>135</v>
      </c>
      <c r="E53" s="14">
        <v>132</v>
      </c>
      <c r="F53" s="14"/>
      <c r="G53" s="18" t="s">
        <v>104</v>
      </c>
      <c r="H53" s="17"/>
      <c r="I53" s="13">
        <v>141</v>
      </c>
      <c r="J53" s="14">
        <v>34</v>
      </c>
      <c r="K53" s="14">
        <v>107</v>
      </c>
    </row>
    <row r="54" spans="1:11" ht="15" customHeight="1">
      <c r="A54" s="17" t="s">
        <v>105</v>
      </c>
      <c r="B54" s="17"/>
      <c r="C54" s="13">
        <v>59</v>
      </c>
      <c r="D54" s="19">
        <v>36</v>
      </c>
      <c r="E54" s="19">
        <v>23</v>
      </c>
      <c r="F54" s="19"/>
      <c r="G54" s="18" t="s">
        <v>106</v>
      </c>
      <c r="H54" s="17"/>
      <c r="I54" s="13">
        <v>49</v>
      </c>
      <c r="J54" s="19">
        <v>11</v>
      </c>
      <c r="K54" s="19">
        <v>38</v>
      </c>
    </row>
    <row r="55" spans="1:11" ht="15" customHeight="1">
      <c r="A55" s="17" t="s">
        <v>107</v>
      </c>
      <c r="B55" s="17"/>
      <c r="C55" s="13">
        <v>44</v>
      </c>
      <c r="D55" s="19">
        <v>21</v>
      </c>
      <c r="E55" s="19">
        <v>23</v>
      </c>
      <c r="F55" s="19"/>
      <c r="G55" s="18" t="s">
        <v>108</v>
      </c>
      <c r="H55" s="17"/>
      <c r="I55" s="13">
        <v>37</v>
      </c>
      <c r="J55" s="19">
        <v>8</v>
      </c>
      <c r="K55" s="19">
        <v>29</v>
      </c>
    </row>
    <row r="56" spans="1:11" ht="15" customHeight="1">
      <c r="A56" s="17" t="s">
        <v>109</v>
      </c>
      <c r="B56" s="17"/>
      <c r="C56" s="13">
        <v>49</v>
      </c>
      <c r="D56" s="19">
        <v>22</v>
      </c>
      <c r="E56" s="19">
        <v>27</v>
      </c>
      <c r="F56" s="19"/>
      <c r="G56" s="18" t="s">
        <v>110</v>
      </c>
      <c r="H56" s="17"/>
      <c r="I56" s="13">
        <v>14</v>
      </c>
      <c r="J56" s="19">
        <v>7</v>
      </c>
      <c r="K56" s="19">
        <v>7</v>
      </c>
    </row>
    <row r="57" spans="1:11" ht="15" customHeight="1">
      <c r="A57" s="17" t="s">
        <v>111</v>
      </c>
      <c r="B57" s="17"/>
      <c r="C57" s="13">
        <v>58</v>
      </c>
      <c r="D57" s="19">
        <v>29</v>
      </c>
      <c r="E57" s="19">
        <v>29</v>
      </c>
      <c r="F57" s="19"/>
      <c r="G57" s="18" t="s">
        <v>112</v>
      </c>
      <c r="H57" s="17"/>
      <c r="I57" s="13">
        <v>26</v>
      </c>
      <c r="J57" s="19">
        <v>4</v>
      </c>
      <c r="K57" s="19">
        <v>22</v>
      </c>
    </row>
    <row r="58" spans="1:11" ht="15" customHeight="1">
      <c r="A58" s="17" t="s">
        <v>113</v>
      </c>
      <c r="B58" s="17"/>
      <c r="C58" s="13">
        <v>57</v>
      </c>
      <c r="D58" s="19">
        <v>27</v>
      </c>
      <c r="E58" s="19">
        <v>30</v>
      </c>
      <c r="F58" s="19"/>
      <c r="G58" s="18" t="s">
        <v>114</v>
      </c>
      <c r="H58" s="17"/>
      <c r="I58" s="13">
        <v>15</v>
      </c>
      <c r="J58" s="19">
        <v>4</v>
      </c>
      <c r="K58" s="19">
        <v>11</v>
      </c>
    </row>
    <row r="59" spans="1:11" ht="20.100000000000001" customHeight="1">
      <c r="A59" s="17" t="s">
        <v>115</v>
      </c>
      <c r="B59" s="17"/>
      <c r="C59" s="13">
        <v>411</v>
      </c>
      <c r="D59" s="14">
        <v>203</v>
      </c>
      <c r="E59" s="14">
        <v>208</v>
      </c>
      <c r="F59" s="14"/>
      <c r="G59" s="18" t="s">
        <v>116</v>
      </c>
      <c r="H59" s="17"/>
      <c r="I59" s="13">
        <v>31</v>
      </c>
      <c r="J59" s="14">
        <v>6</v>
      </c>
      <c r="K59" s="14">
        <v>25</v>
      </c>
    </row>
    <row r="60" spans="1:11" ht="15" customHeight="1">
      <c r="A60" s="17" t="s">
        <v>117</v>
      </c>
      <c r="B60" s="17"/>
      <c r="C60" s="13">
        <v>78</v>
      </c>
      <c r="D60" s="19">
        <v>32</v>
      </c>
      <c r="E60" s="19">
        <v>46</v>
      </c>
      <c r="F60" s="19"/>
      <c r="G60" s="18" t="s">
        <v>118</v>
      </c>
      <c r="H60" s="17"/>
      <c r="I60" s="13">
        <v>10</v>
      </c>
      <c r="J60" s="19">
        <v>2</v>
      </c>
      <c r="K60" s="19">
        <v>8</v>
      </c>
    </row>
    <row r="61" spans="1:11" ht="15" customHeight="1">
      <c r="A61" s="17" t="s">
        <v>119</v>
      </c>
      <c r="B61" s="17"/>
      <c r="C61" s="13">
        <v>61</v>
      </c>
      <c r="D61" s="19">
        <v>31</v>
      </c>
      <c r="E61" s="19">
        <v>30</v>
      </c>
      <c r="F61" s="19"/>
      <c r="G61" s="18" t="s">
        <v>120</v>
      </c>
      <c r="H61" s="17"/>
      <c r="I61" s="13">
        <v>5</v>
      </c>
      <c r="J61" s="19">
        <v>2</v>
      </c>
      <c r="K61" s="19">
        <v>3</v>
      </c>
    </row>
    <row r="62" spans="1:11" ht="15" customHeight="1">
      <c r="A62" s="17" t="s">
        <v>121</v>
      </c>
      <c r="B62" s="17"/>
      <c r="C62" s="13">
        <v>84</v>
      </c>
      <c r="D62" s="19">
        <v>43</v>
      </c>
      <c r="E62" s="19">
        <v>41</v>
      </c>
      <c r="F62" s="19"/>
      <c r="G62" s="18" t="s">
        <v>122</v>
      </c>
      <c r="H62" s="17"/>
      <c r="I62" s="13">
        <v>9</v>
      </c>
      <c r="J62" s="19">
        <v>1</v>
      </c>
      <c r="K62" s="19">
        <v>8</v>
      </c>
    </row>
    <row r="63" spans="1:11" ht="15" customHeight="1">
      <c r="A63" s="17" t="s">
        <v>123</v>
      </c>
      <c r="B63" s="17"/>
      <c r="C63" s="13">
        <v>97</v>
      </c>
      <c r="D63" s="19">
        <v>51</v>
      </c>
      <c r="E63" s="19">
        <v>46</v>
      </c>
      <c r="F63" s="19"/>
      <c r="G63" s="18" t="s">
        <v>124</v>
      </c>
      <c r="H63" s="17"/>
      <c r="I63" s="13">
        <v>5</v>
      </c>
      <c r="J63" s="19">
        <v>1</v>
      </c>
      <c r="K63" s="19">
        <v>4</v>
      </c>
    </row>
    <row r="64" spans="1:11" ht="15" customHeight="1">
      <c r="A64" s="17" t="s">
        <v>125</v>
      </c>
      <c r="B64" s="17"/>
      <c r="C64" s="13">
        <v>91</v>
      </c>
      <c r="D64" s="19">
        <v>46</v>
      </c>
      <c r="E64" s="19">
        <v>45</v>
      </c>
      <c r="F64" s="19"/>
      <c r="G64" s="18" t="s">
        <v>126</v>
      </c>
      <c r="H64" s="17"/>
      <c r="I64" s="13">
        <v>2</v>
      </c>
      <c r="J64" s="19">
        <v>0</v>
      </c>
      <c r="K64" s="19">
        <v>2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</v>
      </c>
      <c r="J65" s="19">
        <v>1</v>
      </c>
      <c r="K65" s="19">
        <v>0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7</v>
      </c>
      <c r="J66" s="27">
        <v>4</v>
      </c>
      <c r="K66" s="27">
        <v>3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38" t="s">
        <v>191</v>
      </c>
      <c r="B2" s="38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3041</v>
      </c>
      <c r="D4" s="14">
        <v>10711</v>
      </c>
      <c r="E4" s="14">
        <v>1233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381</v>
      </c>
      <c r="D5" s="14">
        <v>212</v>
      </c>
      <c r="E5" s="14">
        <v>169</v>
      </c>
      <c r="F5" s="14"/>
      <c r="G5" s="18" t="s">
        <v>8</v>
      </c>
      <c r="H5" s="17"/>
      <c r="I5" s="13">
        <v>1696</v>
      </c>
      <c r="J5" s="14">
        <v>812</v>
      </c>
      <c r="K5" s="14">
        <v>884</v>
      </c>
    </row>
    <row r="6" spans="1:11" ht="15" customHeight="1">
      <c r="A6" s="17" t="s">
        <v>9</v>
      </c>
      <c r="B6" s="17"/>
      <c r="C6" s="13">
        <v>85</v>
      </c>
      <c r="D6" s="19">
        <v>47</v>
      </c>
      <c r="E6" s="19">
        <v>38</v>
      </c>
      <c r="F6" s="19"/>
      <c r="G6" s="18" t="s">
        <v>10</v>
      </c>
      <c r="H6" s="17"/>
      <c r="I6" s="13">
        <v>314</v>
      </c>
      <c r="J6" s="19">
        <v>148</v>
      </c>
      <c r="K6" s="19">
        <v>166</v>
      </c>
    </row>
    <row r="7" spans="1:11" ht="15" customHeight="1">
      <c r="A7" s="17" t="s">
        <v>11</v>
      </c>
      <c r="B7" s="17"/>
      <c r="C7" s="13">
        <v>62</v>
      </c>
      <c r="D7" s="19">
        <v>36</v>
      </c>
      <c r="E7" s="19">
        <v>26</v>
      </c>
      <c r="F7" s="19"/>
      <c r="G7" s="18" t="s">
        <v>12</v>
      </c>
      <c r="H7" s="17"/>
      <c r="I7" s="13">
        <v>345</v>
      </c>
      <c r="J7" s="19">
        <v>175</v>
      </c>
      <c r="K7" s="19">
        <v>170</v>
      </c>
    </row>
    <row r="8" spans="1:11" ht="15" customHeight="1">
      <c r="A8" s="17" t="s">
        <v>13</v>
      </c>
      <c r="B8" s="17"/>
      <c r="C8" s="13">
        <v>77</v>
      </c>
      <c r="D8" s="19">
        <v>45</v>
      </c>
      <c r="E8" s="19">
        <v>32</v>
      </c>
      <c r="F8" s="19"/>
      <c r="G8" s="18" t="s">
        <v>14</v>
      </c>
      <c r="H8" s="17"/>
      <c r="I8" s="13">
        <v>373</v>
      </c>
      <c r="J8" s="19">
        <v>180</v>
      </c>
      <c r="K8" s="19">
        <v>193</v>
      </c>
    </row>
    <row r="9" spans="1:11" ht="15" customHeight="1">
      <c r="A9" s="17" t="s">
        <v>15</v>
      </c>
      <c r="B9" s="17"/>
      <c r="C9" s="13">
        <v>85</v>
      </c>
      <c r="D9" s="19">
        <v>42</v>
      </c>
      <c r="E9" s="19">
        <v>43</v>
      </c>
      <c r="F9" s="19"/>
      <c r="G9" s="18" t="s">
        <v>16</v>
      </c>
      <c r="H9" s="17"/>
      <c r="I9" s="13">
        <v>314</v>
      </c>
      <c r="J9" s="19">
        <v>146</v>
      </c>
      <c r="K9" s="19">
        <v>168</v>
      </c>
    </row>
    <row r="10" spans="1:11" ht="15" customHeight="1">
      <c r="A10" s="17" t="s">
        <v>17</v>
      </c>
      <c r="B10" s="17"/>
      <c r="C10" s="13">
        <v>72</v>
      </c>
      <c r="D10" s="19">
        <v>42</v>
      </c>
      <c r="E10" s="19">
        <v>30</v>
      </c>
      <c r="F10" s="19"/>
      <c r="G10" s="18" t="s">
        <v>18</v>
      </c>
      <c r="H10" s="17"/>
      <c r="I10" s="13">
        <v>350</v>
      </c>
      <c r="J10" s="19">
        <v>163</v>
      </c>
      <c r="K10" s="19">
        <v>187</v>
      </c>
    </row>
    <row r="11" spans="1:11" ht="20.100000000000001" customHeight="1">
      <c r="A11" s="17" t="s">
        <v>19</v>
      </c>
      <c r="B11" s="17"/>
      <c r="C11" s="13">
        <v>522</v>
      </c>
      <c r="D11" s="14">
        <v>286</v>
      </c>
      <c r="E11" s="14">
        <v>236</v>
      </c>
      <c r="F11" s="14"/>
      <c r="G11" s="18" t="s">
        <v>20</v>
      </c>
      <c r="H11" s="17"/>
      <c r="I11" s="13">
        <v>1605</v>
      </c>
      <c r="J11" s="14">
        <v>814</v>
      </c>
      <c r="K11" s="14">
        <v>791</v>
      </c>
    </row>
    <row r="12" spans="1:11" ht="15" customHeight="1">
      <c r="A12" s="17" t="s">
        <v>21</v>
      </c>
      <c r="B12" s="17"/>
      <c r="C12" s="13">
        <v>94</v>
      </c>
      <c r="D12" s="19">
        <v>53</v>
      </c>
      <c r="E12" s="19">
        <v>41</v>
      </c>
      <c r="F12" s="19"/>
      <c r="G12" s="18" t="s">
        <v>22</v>
      </c>
      <c r="H12" s="17"/>
      <c r="I12" s="13">
        <v>256</v>
      </c>
      <c r="J12" s="19">
        <v>125</v>
      </c>
      <c r="K12" s="19">
        <v>131</v>
      </c>
    </row>
    <row r="13" spans="1:11" ht="15" customHeight="1">
      <c r="A13" s="17" t="s">
        <v>23</v>
      </c>
      <c r="B13" s="17"/>
      <c r="C13" s="13">
        <v>101</v>
      </c>
      <c r="D13" s="19">
        <v>56</v>
      </c>
      <c r="E13" s="19">
        <v>45</v>
      </c>
      <c r="F13" s="19"/>
      <c r="G13" s="18" t="s">
        <v>24</v>
      </c>
      <c r="H13" s="17"/>
      <c r="I13" s="13">
        <v>371</v>
      </c>
      <c r="J13" s="19">
        <v>189</v>
      </c>
      <c r="K13" s="19">
        <v>182</v>
      </c>
    </row>
    <row r="14" spans="1:11" ht="15" customHeight="1">
      <c r="A14" s="17" t="s">
        <v>25</v>
      </c>
      <c r="B14" s="17"/>
      <c r="C14" s="13">
        <v>96</v>
      </c>
      <c r="D14" s="19">
        <v>55</v>
      </c>
      <c r="E14" s="19">
        <v>41</v>
      </c>
      <c r="F14" s="19"/>
      <c r="G14" s="18" t="s">
        <v>26</v>
      </c>
      <c r="H14" s="17"/>
      <c r="I14" s="13">
        <v>317</v>
      </c>
      <c r="J14" s="19">
        <v>173</v>
      </c>
      <c r="K14" s="19">
        <v>144</v>
      </c>
    </row>
    <row r="15" spans="1:11" ht="15" customHeight="1">
      <c r="A15" s="17" t="s">
        <v>27</v>
      </c>
      <c r="B15" s="17"/>
      <c r="C15" s="13">
        <v>110</v>
      </c>
      <c r="D15" s="19">
        <v>62</v>
      </c>
      <c r="E15" s="19">
        <v>48</v>
      </c>
      <c r="F15" s="19"/>
      <c r="G15" s="18" t="s">
        <v>28</v>
      </c>
      <c r="H15" s="17"/>
      <c r="I15" s="13">
        <v>338</v>
      </c>
      <c r="J15" s="19">
        <v>164</v>
      </c>
      <c r="K15" s="19">
        <v>174</v>
      </c>
    </row>
    <row r="16" spans="1:11" ht="15" customHeight="1">
      <c r="A16" s="17" t="s">
        <v>29</v>
      </c>
      <c r="B16" s="17"/>
      <c r="C16" s="13">
        <v>121</v>
      </c>
      <c r="D16" s="19">
        <v>60</v>
      </c>
      <c r="E16" s="19">
        <v>61</v>
      </c>
      <c r="F16" s="19"/>
      <c r="G16" s="18" t="s">
        <v>30</v>
      </c>
      <c r="H16" s="17"/>
      <c r="I16" s="13">
        <v>323</v>
      </c>
      <c r="J16" s="19">
        <v>163</v>
      </c>
      <c r="K16" s="19">
        <v>160</v>
      </c>
    </row>
    <row r="17" spans="1:11" ht="20.100000000000001" customHeight="1">
      <c r="A17" s="20" t="s">
        <v>31</v>
      </c>
      <c r="B17" s="20"/>
      <c r="C17" s="13">
        <v>733</v>
      </c>
      <c r="D17" s="14">
        <v>366</v>
      </c>
      <c r="E17" s="14">
        <v>367</v>
      </c>
      <c r="F17" s="14"/>
      <c r="G17" s="18" t="s">
        <v>32</v>
      </c>
      <c r="H17" s="17"/>
      <c r="I17" s="13">
        <v>1590</v>
      </c>
      <c r="J17" s="14">
        <v>794</v>
      </c>
      <c r="K17" s="14">
        <v>796</v>
      </c>
    </row>
    <row r="18" spans="1:11" ht="15" customHeight="1">
      <c r="A18" s="17" t="s">
        <v>33</v>
      </c>
      <c r="B18" s="17"/>
      <c r="C18" s="13">
        <v>143</v>
      </c>
      <c r="D18" s="19">
        <v>68</v>
      </c>
      <c r="E18" s="19">
        <v>75</v>
      </c>
      <c r="F18" s="19"/>
      <c r="G18" s="18" t="s">
        <v>34</v>
      </c>
      <c r="H18" s="17"/>
      <c r="I18" s="13">
        <v>319</v>
      </c>
      <c r="J18" s="19">
        <v>165</v>
      </c>
      <c r="K18" s="19">
        <v>154</v>
      </c>
    </row>
    <row r="19" spans="1:11" ht="15" customHeight="1">
      <c r="A19" s="17" t="s">
        <v>35</v>
      </c>
      <c r="B19" s="17"/>
      <c r="C19" s="13">
        <v>152</v>
      </c>
      <c r="D19" s="19">
        <v>79</v>
      </c>
      <c r="E19" s="19">
        <v>73</v>
      </c>
      <c r="F19" s="19"/>
      <c r="G19" s="18" t="s">
        <v>36</v>
      </c>
      <c r="H19" s="17"/>
      <c r="I19" s="13">
        <v>257</v>
      </c>
      <c r="J19" s="19">
        <v>123</v>
      </c>
      <c r="K19" s="19">
        <v>134</v>
      </c>
    </row>
    <row r="20" spans="1:11" ht="15" customHeight="1">
      <c r="A20" s="17" t="s">
        <v>37</v>
      </c>
      <c r="B20" s="17"/>
      <c r="C20" s="13">
        <v>135</v>
      </c>
      <c r="D20" s="19">
        <v>66</v>
      </c>
      <c r="E20" s="19">
        <v>69</v>
      </c>
      <c r="F20" s="19"/>
      <c r="G20" s="18" t="s">
        <v>38</v>
      </c>
      <c r="H20" s="17"/>
      <c r="I20" s="13">
        <v>348</v>
      </c>
      <c r="J20" s="19">
        <v>169</v>
      </c>
      <c r="K20" s="19">
        <v>179</v>
      </c>
    </row>
    <row r="21" spans="1:11" ht="15" customHeight="1">
      <c r="A21" s="17" t="s">
        <v>39</v>
      </c>
      <c r="B21" s="17"/>
      <c r="C21" s="13">
        <v>151</v>
      </c>
      <c r="D21" s="19">
        <v>79</v>
      </c>
      <c r="E21" s="19">
        <v>72</v>
      </c>
      <c r="F21" s="19"/>
      <c r="G21" s="18" t="s">
        <v>40</v>
      </c>
      <c r="H21" s="17"/>
      <c r="I21" s="13">
        <v>380</v>
      </c>
      <c r="J21" s="19">
        <v>200</v>
      </c>
      <c r="K21" s="19">
        <v>180</v>
      </c>
    </row>
    <row r="22" spans="1:11" ht="15" customHeight="1">
      <c r="A22" s="17" t="s">
        <v>41</v>
      </c>
      <c r="B22" s="17"/>
      <c r="C22" s="13">
        <v>152</v>
      </c>
      <c r="D22" s="19">
        <v>74</v>
      </c>
      <c r="E22" s="19">
        <v>78</v>
      </c>
      <c r="F22" s="19"/>
      <c r="G22" s="18" t="s">
        <v>42</v>
      </c>
      <c r="H22" s="17"/>
      <c r="I22" s="13">
        <v>286</v>
      </c>
      <c r="J22" s="19">
        <v>137</v>
      </c>
      <c r="K22" s="19">
        <v>149</v>
      </c>
    </row>
    <row r="23" spans="1:11" ht="20.100000000000001" customHeight="1">
      <c r="A23" s="17" t="s">
        <v>43</v>
      </c>
      <c r="B23" s="17"/>
      <c r="C23" s="13">
        <v>823</v>
      </c>
      <c r="D23" s="14">
        <v>437</v>
      </c>
      <c r="E23" s="14">
        <v>386</v>
      </c>
      <c r="F23" s="14"/>
      <c r="G23" s="18" t="s">
        <v>44</v>
      </c>
      <c r="H23" s="17"/>
      <c r="I23" s="13">
        <v>1850</v>
      </c>
      <c r="J23" s="14">
        <v>868</v>
      </c>
      <c r="K23" s="14">
        <v>982</v>
      </c>
    </row>
    <row r="24" spans="1:11" ht="15" customHeight="1">
      <c r="A24" s="17" t="s">
        <v>45</v>
      </c>
      <c r="B24" s="17"/>
      <c r="C24" s="13">
        <v>159</v>
      </c>
      <c r="D24" s="19">
        <v>97</v>
      </c>
      <c r="E24" s="19">
        <v>62</v>
      </c>
      <c r="F24" s="19"/>
      <c r="G24" s="18" t="s">
        <v>46</v>
      </c>
      <c r="H24" s="17"/>
      <c r="I24" s="13">
        <v>321</v>
      </c>
      <c r="J24" s="19">
        <v>166</v>
      </c>
      <c r="K24" s="19">
        <v>155</v>
      </c>
    </row>
    <row r="25" spans="1:11" ht="15" customHeight="1">
      <c r="A25" s="17" t="s">
        <v>47</v>
      </c>
      <c r="B25" s="17"/>
      <c r="C25" s="13">
        <v>147</v>
      </c>
      <c r="D25" s="19">
        <v>75</v>
      </c>
      <c r="E25" s="19">
        <v>72</v>
      </c>
      <c r="F25" s="19"/>
      <c r="G25" s="18" t="s">
        <v>48</v>
      </c>
      <c r="H25" s="17"/>
      <c r="I25" s="13">
        <v>368</v>
      </c>
      <c r="J25" s="19">
        <v>177</v>
      </c>
      <c r="K25" s="19">
        <v>191</v>
      </c>
    </row>
    <row r="26" spans="1:11" ht="15" customHeight="1">
      <c r="A26" s="17" t="s">
        <v>49</v>
      </c>
      <c r="B26" s="17"/>
      <c r="C26" s="13">
        <v>169</v>
      </c>
      <c r="D26" s="19">
        <v>92</v>
      </c>
      <c r="E26" s="19">
        <v>77</v>
      </c>
      <c r="F26" s="19"/>
      <c r="G26" s="18" t="s">
        <v>50</v>
      </c>
      <c r="H26" s="17"/>
      <c r="I26" s="13">
        <v>356</v>
      </c>
      <c r="J26" s="19">
        <v>160</v>
      </c>
      <c r="K26" s="19">
        <v>196</v>
      </c>
    </row>
    <row r="27" spans="1:11" ht="15" customHeight="1">
      <c r="A27" s="17" t="s">
        <v>51</v>
      </c>
      <c r="B27" s="17"/>
      <c r="C27" s="13">
        <v>184</v>
      </c>
      <c r="D27" s="19">
        <v>91</v>
      </c>
      <c r="E27" s="19">
        <v>93</v>
      </c>
      <c r="F27" s="19"/>
      <c r="G27" s="18" t="s">
        <v>52</v>
      </c>
      <c r="H27" s="17"/>
      <c r="I27" s="13">
        <v>365</v>
      </c>
      <c r="J27" s="19">
        <v>169</v>
      </c>
      <c r="K27" s="19">
        <v>196</v>
      </c>
    </row>
    <row r="28" spans="1:11" ht="15" customHeight="1">
      <c r="A28" s="17" t="s">
        <v>53</v>
      </c>
      <c r="B28" s="17"/>
      <c r="C28" s="13">
        <v>164</v>
      </c>
      <c r="D28" s="19">
        <v>82</v>
      </c>
      <c r="E28" s="19">
        <v>82</v>
      </c>
      <c r="F28" s="19"/>
      <c r="G28" s="18" t="s">
        <v>54</v>
      </c>
      <c r="H28" s="17"/>
      <c r="I28" s="13">
        <v>440</v>
      </c>
      <c r="J28" s="19">
        <v>196</v>
      </c>
      <c r="K28" s="19">
        <v>244</v>
      </c>
    </row>
    <row r="29" spans="1:11" ht="20.100000000000001" customHeight="1">
      <c r="A29" s="17" t="s">
        <v>55</v>
      </c>
      <c r="B29" s="17"/>
      <c r="C29" s="13">
        <v>878</v>
      </c>
      <c r="D29" s="14">
        <v>421</v>
      </c>
      <c r="E29" s="14">
        <v>457</v>
      </c>
      <c r="F29" s="14"/>
      <c r="G29" s="18" t="s">
        <v>56</v>
      </c>
      <c r="H29" s="17"/>
      <c r="I29" s="13">
        <v>2496</v>
      </c>
      <c r="J29" s="14">
        <v>1152</v>
      </c>
      <c r="K29" s="14">
        <v>1344</v>
      </c>
    </row>
    <row r="30" spans="1:11" ht="15" customHeight="1">
      <c r="A30" s="17" t="s">
        <v>57</v>
      </c>
      <c r="B30" s="17"/>
      <c r="C30" s="13">
        <v>191</v>
      </c>
      <c r="D30" s="19">
        <v>89</v>
      </c>
      <c r="E30" s="19">
        <v>102</v>
      </c>
      <c r="F30" s="19"/>
      <c r="G30" s="18" t="s">
        <v>58</v>
      </c>
      <c r="H30" s="17"/>
      <c r="I30" s="13">
        <v>441</v>
      </c>
      <c r="J30" s="19">
        <v>200</v>
      </c>
      <c r="K30" s="19">
        <v>241</v>
      </c>
    </row>
    <row r="31" spans="1:11" ht="15" customHeight="1">
      <c r="A31" s="17" t="s">
        <v>59</v>
      </c>
      <c r="B31" s="17"/>
      <c r="C31" s="13">
        <v>165</v>
      </c>
      <c r="D31" s="19">
        <v>67</v>
      </c>
      <c r="E31" s="19">
        <v>98</v>
      </c>
      <c r="F31" s="19"/>
      <c r="G31" s="18" t="s">
        <v>60</v>
      </c>
      <c r="H31" s="17"/>
      <c r="I31" s="13">
        <v>441</v>
      </c>
      <c r="J31" s="19">
        <v>204</v>
      </c>
      <c r="K31" s="19">
        <v>237</v>
      </c>
    </row>
    <row r="32" spans="1:11" ht="15" customHeight="1">
      <c r="A32" s="17" t="s">
        <v>61</v>
      </c>
      <c r="B32" s="17"/>
      <c r="C32" s="13">
        <v>156</v>
      </c>
      <c r="D32" s="19">
        <v>72</v>
      </c>
      <c r="E32" s="19">
        <v>84</v>
      </c>
      <c r="F32" s="19"/>
      <c r="G32" s="18" t="s">
        <v>62</v>
      </c>
      <c r="H32" s="17"/>
      <c r="I32" s="13">
        <v>563</v>
      </c>
      <c r="J32" s="19">
        <v>262</v>
      </c>
      <c r="K32" s="19">
        <v>301</v>
      </c>
    </row>
    <row r="33" spans="1:11" ht="15" customHeight="1">
      <c r="A33" s="17" t="s">
        <v>63</v>
      </c>
      <c r="B33" s="17"/>
      <c r="C33" s="13">
        <v>169</v>
      </c>
      <c r="D33" s="19">
        <v>84</v>
      </c>
      <c r="E33" s="19">
        <v>85</v>
      </c>
      <c r="F33" s="19"/>
      <c r="G33" s="18" t="s">
        <v>64</v>
      </c>
      <c r="H33" s="17"/>
      <c r="I33" s="13">
        <v>540</v>
      </c>
      <c r="J33" s="19">
        <v>258</v>
      </c>
      <c r="K33" s="19">
        <v>282</v>
      </c>
    </row>
    <row r="34" spans="1:11" ht="15" customHeight="1">
      <c r="A34" s="17" t="s">
        <v>65</v>
      </c>
      <c r="B34" s="17"/>
      <c r="C34" s="13">
        <v>197</v>
      </c>
      <c r="D34" s="19">
        <v>109</v>
      </c>
      <c r="E34" s="19">
        <v>88</v>
      </c>
      <c r="F34" s="19"/>
      <c r="G34" s="18" t="s">
        <v>66</v>
      </c>
      <c r="H34" s="17"/>
      <c r="I34" s="13">
        <v>511</v>
      </c>
      <c r="J34" s="19">
        <v>228</v>
      </c>
      <c r="K34" s="19">
        <v>283</v>
      </c>
    </row>
    <row r="35" spans="1:11" ht="20.100000000000001" customHeight="1">
      <c r="A35" s="17" t="s">
        <v>67</v>
      </c>
      <c r="B35" s="17"/>
      <c r="C35" s="13">
        <v>673</v>
      </c>
      <c r="D35" s="14">
        <v>343</v>
      </c>
      <c r="E35" s="14">
        <v>330</v>
      </c>
      <c r="F35" s="14"/>
      <c r="G35" s="18" t="s">
        <v>68</v>
      </c>
      <c r="H35" s="17"/>
      <c r="I35" s="13">
        <v>2074</v>
      </c>
      <c r="J35" s="14">
        <v>900</v>
      </c>
      <c r="K35" s="14">
        <v>1174</v>
      </c>
    </row>
    <row r="36" spans="1:11" ht="15" customHeight="1">
      <c r="A36" s="17" t="s">
        <v>69</v>
      </c>
      <c r="B36" s="17"/>
      <c r="C36" s="13">
        <v>148</v>
      </c>
      <c r="D36" s="19">
        <v>68</v>
      </c>
      <c r="E36" s="19">
        <v>80</v>
      </c>
      <c r="F36" s="19"/>
      <c r="G36" s="18" t="s">
        <v>70</v>
      </c>
      <c r="H36" s="17"/>
      <c r="I36" s="13">
        <v>373</v>
      </c>
      <c r="J36" s="19">
        <v>162</v>
      </c>
      <c r="K36" s="19">
        <v>211</v>
      </c>
    </row>
    <row r="37" spans="1:11" ht="15" customHeight="1">
      <c r="A37" s="17" t="s">
        <v>71</v>
      </c>
      <c r="B37" s="17"/>
      <c r="C37" s="13">
        <v>141</v>
      </c>
      <c r="D37" s="19">
        <v>70</v>
      </c>
      <c r="E37" s="19">
        <v>71</v>
      </c>
      <c r="F37" s="19"/>
      <c r="G37" s="18" t="s">
        <v>72</v>
      </c>
      <c r="H37" s="17"/>
      <c r="I37" s="13">
        <v>338</v>
      </c>
      <c r="J37" s="19">
        <v>143</v>
      </c>
      <c r="K37" s="19">
        <v>195</v>
      </c>
    </row>
    <row r="38" spans="1:11" ht="15" customHeight="1">
      <c r="A38" s="17" t="s">
        <v>73</v>
      </c>
      <c r="B38" s="17"/>
      <c r="C38" s="13">
        <v>143</v>
      </c>
      <c r="D38" s="19">
        <v>87</v>
      </c>
      <c r="E38" s="19">
        <v>56</v>
      </c>
      <c r="F38" s="19"/>
      <c r="G38" s="18" t="s">
        <v>74</v>
      </c>
      <c r="H38" s="17"/>
      <c r="I38" s="13">
        <v>475</v>
      </c>
      <c r="J38" s="19">
        <v>212</v>
      </c>
      <c r="K38" s="19">
        <v>263</v>
      </c>
    </row>
    <row r="39" spans="1:11" ht="15" customHeight="1">
      <c r="A39" s="17" t="s">
        <v>75</v>
      </c>
      <c r="B39" s="17"/>
      <c r="C39" s="13">
        <v>116</v>
      </c>
      <c r="D39" s="19">
        <v>58</v>
      </c>
      <c r="E39" s="19">
        <v>58</v>
      </c>
      <c r="F39" s="19"/>
      <c r="G39" s="18" t="s">
        <v>76</v>
      </c>
      <c r="H39" s="17"/>
      <c r="I39" s="13">
        <v>467</v>
      </c>
      <c r="J39" s="19">
        <v>202</v>
      </c>
      <c r="K39" s="19">
        <v>265</v>
      </c>
    </row>
    <row r="40" spans="1:11" ht="15" customHeight="1">
      <c r="A40" s="17" t="s">
        <v>77</v>
      </c>
      <c r="B40" s="17"/>
      <c r="C40" s="13">
        <v>125</v>
      </c>
      <c r="D40" s="19">
        <v>60</v>
      </c>
      <c r="E40" s="19">
        <v>65</v>
      </c>
      <c r="F40" s="19"/>
      <c r="G40" s="18" t="s">
        <v>78</v>
      </c>
      <c r="H40" s="17"/>
      <c r="I40" s="13">
        <v>421</v>
      </c>
      <c r="J40" s="19">
        <v>181</v>
      </c>
      <c r="K40" s="19">
        <v>240</v>
      </c>
    </row>
    <row r="41" spans="1:11" ht="20.100000000000001" customHeight="1">
      <c r="A41" s="17" t="s">
        <v>79</v>
      </c>
      <c r="B41" s="17"/>
      <c r="C41" s="13">
        <v>672</v>
      </c>
      <c r="D41" s="14">
        <v>345</v>
      </c>
      <c r="E41" s="14">
        <v>327</v>
      </c>
      <c r="F41" s="14"/>
      <c r="G41" s="18" t="s">
        <v>80</v>
      </c>
      <c r="H41" s="17"/>
      <c r="I41" s="13">
        <v>1689</v>
      </c>
      <c r="J41" s="14">
        <v>664</v>
      </c>
      <c r="K41" s="14">
        <v>1025</v>
      </c>
    </row>
    <row r="42" spans="1:11" ht="15" customHeight="1">
      <c r="A42" s="17" t="s">
        <v>81</v>
      </c>
      <c r="B42" s="17"/>
      <c r="C42" s="13">
        <v>138</v>
      </c>
      <c r="D42" s="19">
        <v>68</v>
      </c>
      <c r="E42" s="19">
        <v>70</v>
      </c>
      <c r="F42" s="19"/>
      <c r="G42" s="18" t="s">
        <v>82</v>
      </c>
      <c r="H42" s="17"/>
      <c r="I42" s="13">
        <v>423</v>
      </c>
      <c r="J42" s="19">
        <v>162</v>
      </c>
      <c r="K42" s="19">
        <v>261</v>
      </c>
    </row>
    <row r="43" spans="1:11" ht="15" customHeight="1">
      <c r="A43" s="17" t="s">
        <v>83</v>
      </c>
      <c r="B43" s="17"/>
      <c r="C43" s="13">
        <v>141</v>
      </c>
      <c r="D43" s="19">
        <v>80</v>
      </c>
      <c r="E43" s="19">
        <v>61</v>
      </c>
      <c r="F43" s="19"/>
      <c r="G43" s="18" t="s">
        <v>84</v>
      </c>
      <c r="H43" s="17"/>
      <c r="I43" s="13">
        <v>344</v>
      </c>
      <c r="J43" s="19">
        <v>138</v>
      </c>
      <c r="K43" s="19">
        <v>206</v>
      </c>
    </row>
    <row r="44" spans="1:11" ht="15" customHeight="1">
      <c r="A44" s="17" t="s">
        <v>85</v>
      </c>
      <c r="B44" s="17"/>
      <c r="C44" s="13">
        <v>141</v>
      </c>
      <c r="D44" s="19">
        <v>73</v>
      </c>
      <c r="E44" s="19">
        <v>68</v>
      </c>
      <c r="F44" s="19"/>
      <c r="G44" s="18" t="s">
        <v>86</v>
      </c>
      <c r="H44" s="17"/>
      <c r="I44" s="13">
        <v>300</v>
      </c>
      <c r="J44" s="19">
        <v>118</v>
      </c>
      <c r="K44" s="19">
        <v>182</v>
      </c>
    </row>
    <row r="45" spans="1:11" ht="15" customHeight="1">
      <c r="A45" s="17" t="s">
        <v>87</v>
      </c>
      <c r="B45" s="17"/>
      <c r="C45" s="13">
        <v>120</v>
      </c>
      <c r="D45" s="19">
        <v>56</v>
      </c>
      <c r="E45" s="19">
        <v>64</v>
      </c>
      <c r="F45" s="19"/>
      <c r="G45" s="18" t="s">
        <v>88</v>
      </c>
      <c r="H45" s="17"/>
      <c r="I45" s="13">
        <v>315</v>
      </c>
      <c r="J45" s="19">
        <v>121</v>
      </c>
      <c r="K45" s="19">
        <v>194</v>
      </c>
    </row>
    <row r="46" spans="1:11" ht="15" customHeight="1">
      <c r="A46" s="17" t="s">
        <v>89</v>
      </c>
      <c r="B46" s="17"/>
      <c r="C46" s="13">
        <v>132</v>
      </c>
      <c r="D46" s="19">
        <v>68</v>
      </c>
      <c r="E46" s="19">
        <v>64</v>
      </c>
      <c r="F46" s="19"/>
      <c r="G46" s="18" t="s">
        <v>90</v>
      </c>
      <c r="H46" s="17"/>
      <c r="I46" s="13">
        <v>307</v>
      </c>
      <c r="J46" s="19">
        <v>125</v>
      </c>
      <c r="K46" s="19">
        <v>182</v>
      </c>
    </row>
    <row r="47" spans="1:11" ht="20.100000000000001" customHeight="1">
      <c r="A47" s="17" t="s">
        <v>91</v>
      </c>
      <c r="B47" s="17"/>
      <c r="C47" s="13">
        <v>767</v>
      </c>
      <c r="D47" s="14">
        <v>373</v>
      </c>
      <c r="E47" s="14">
        <v>394</v>
      </c>
      <c r="F47" s="14"/>
      <c r="G47" s="18" t="s">
        <v>92</v>
      </c>
      <c r="H47" s="17"/>
      <c r="I47" s="13">
        <v>1074</v>
      </c>
      <c r="J47" s="14">
        <v>363</v>
      </c>
      <c r="K47" s="14">
        <v>711</v>
      </c>
    </row>
    <row r="48" spans="1:11" ht="15" customHeight="1">
      <c r="A48" s="17" t="s">
        <v>93</v>
      </c>
      <c r="B48" s="17"/>
      <c r="C48" s="13">
        <v>152</v>
      </c>
      <c r="D48" s="19">
        <v>83</v>
      </c>
      <c r="E48" s="19">
        <v>69</v>
      </c>
      <c r="F48" s="19"/>
      <c r="G48" s="18" t="s">
        <v>94</v>
      </c>
      <c r="H48" s="17"/>
      <c r="I48" s="13">
        <v>266</v>
      </c>
      <c r="J48" s="19">
        <v>100</v>
      </c>
      <c r="K48" s="19">
        <v>166</v>
      </c>
    </row>
    <row r="49" spans="1:11" ht="15" customHeight="1">
      <c r="A49" s="17" t="s">
        <v>95</v>
      </c>
      <c r="B49" s="17"/>
      <c r="C49" s="13">
        <v>132</v>
      </c>
      <c r="D49" s="19">
        <v>62</v>
      </c>
      <c r="E49" s="19">
        <v>70</v>
      </c>
      <c r="F49" s="19"/>
      <c r="G49" s="18" t="s">
        <v>96</v>
      </c>
      <c r="H49" s="17"/>
      <c r="I49" s="13">
        <v>254</v>
      </c>
      <c r="J49" s="19">
        <v>93</v>
      </c>
      <c r="K49" s="19">
        <v>161</v>
      </c>
    </row>
    <row r="50" spans="1:11" ht="15" customHeight="1">
      <c r="A50" s="17" t="s">
        <v>97</v>
      </c>
      <c r="B50" s="17"/>
      <c r="C50" s="13">
        <v>142</v>
      </c>
      <c r="D50" s="19">
        <v>63</v>
      </c>
      <c r="E50" s="19">
        <v>79</v>
      </c>
      <c r="F50" s="19"/>
      <c r="G50" s="18" t="s">
        <v>98</v>
      </c>
      <c r="H50" s="17"/>
      <c r="I50" s="13">
        <v>209</v>
      </c>
      <c r="J50" s="19">
        <v>69</v>
      </c>
      <c r="K50" s="19">
        <v>140</v>
      </c>
    </row>
    <row r="51" spans="1:11" ht="15" customHeight="1">
      <c r="A51" s="17" t="s">
        <v>99</v>
      </c>
      <c r="B51" s="17"/>
      <c r="C51" s="13">
        <v>174</v>
      </c>
      <c r="D51" s="19">
        <v>75</v>
      </c>
      <c r="E51" s="19">
        <v>99</v>
      </c>
      <c r="F51" s="19"/>
      <c r="G51" s="18" t="s">
        <v>100</v>
      </c>
      <c r="H51" s="17"/>
      <c r="I51" s="13">
        <v>176</v>
      </c>
      <c r="J51" s="19">
        <v>48</v>
      </c>
      <c r="K51" s="19">
        <v>128</v>
      </c>
    </row>
    <row r="52" spans="1:11" ht="15" customHeight="1">
      <c r="A52" s="17" t="s">
        <v>101</v>
      </c>
      <c r="B52" s="17"/>
      <c r="C52" s="13">
        <v>167</v>
      </c>
      <c r="D52" s="19">
        <v>90</v>
      </c>
      <c r="E52" s="19">
        <v>77</v>
      </c>
      <c r="F52" s="19"/>
      <c r="G52" s="18" t="s">
        <v>102</v>
      </c>
      <c r="H52" s="17"/>
      <c r="I52" s="13">
        <v>169</v>
      </c>
      <c r="J52" s="19">
        <v>53</v>
      </c>
      <c r="K52" s="19">
        <v>116</v>
      </c>
    </row>
    <row r="53" spans="1:11" ht="20.100000000000001" customHeight="1">
      <c r="A53" s="17" t="s">
        <v>103</v>
      </c>
      <c r="B53" s="17"/>
      <c r="C53" s="13">
        <v>1023</v>
      </c>
      <c r="D53" s="14">
        <v>502</v>
      </c>
      <c r="E53" s="14">
        <v>521</v>
      </c>
      <c r="F53" s="14"/>
      <c r="G53" s="18" t="s">
        <v>104</v>
      </c>
      <c r="H53" s="17"/>
      <c r="I53" s="13">
        <v>546</v>
      </c>
      <c r="J53" s="14">
        <v>142</v>
      </c>
      <c r="K53" s="14">
        <v>404</v>
      </c>
    </row>
    <row r="54" spans="1:11" ht="15" customHeight="1">
      <c r="A54" s="17" t="s">
        <v>105</v>
      </c>
      <c r="B54" s="17"/>
      <c r="C54" s="13">
        <v>149</v>
      </c>
      <c r="D54" s="19">
        <v>74</v>
      </c>
      <c r="E54" s="19">
        <v>75</v>
      </c>
      <c r="F54" s="19"/>
      <c r="G54" s="18" t="s">
        <v>106</v>
      </c>
      <c r="H54" s="17"/>
      <c r="I54" s="13">
        <v>159</v>
      </c>
      <c r="J54" s="19">
        <v>46</v>
      </c>
      <c r="K54" s="19">
        <v>113</v>
      </c>
    </row>
    <row r="55" spans="1:11" ht="15" customHeight="1">
      <c r="A55" s="17" t="s">
        <v>107</v>
      </c>
      <c r="B55" s="17"/>
      <c r="C55" s="13">
        <v>196</v>
      </c>
      <c r="D55" s="19">
        <v>100</v>
      </c>
      <c r="E55" s="19">
        <v>96</v>
      </c>
      <c r="F55" s="19"/>
      <c r="G55" s="18" t="s">
        <v>108</v>
      </c>
      <c r="H55" s="17"/>
      <c r="I55" s="13">
        <v>119</v>
      </c>
      <c r="J55" s="19">
        <v>31</v>
      </c>
      <c r="K55" s="19">
        <v>88</v>
      </c>
    </row>
    <row r="56" spans="1:11" ht="15" customHeight="1">
      <c r="A56" s="17" t="s">
        <v>109</v>
      </c>
      <c r="B56" s="17"/>
      <c r="C56" s="13">
        <v>223</v>
      </c>
      <c r="D56" s="19">
        <v>109</v>
      </c>
      <c r="E56" s="19">
        <v>114</v>
      </c>
      <c r="F56" s="19"/>
      <c r="G56" s="18" t="s">
        <v>110</v>
      </c>
      <c r="H56" s="17"/>
      <c r="I56" s="13">
        <v>108</v>
      </c>
      <c r="J56" s="19">
        <v>26</v>
      </c>
      <c r="K56" s="19">
        <v>82</v>
      </c>
    </row>
    <row r="57" spans="1:11" ht="15" customHeight="1">
      <c r="A57" s="17" t="s">
        <v>111</v>
      </c>
      <c r="B57" s="17"/>
      <c r="C57" s="13">
        <v>231</v>
      </c>
      <c r="D57" s="19">
        <v>107</v>
      </c>
      <c r="E57" s="19">
        <v>124</v>
      </c>
      <c r="F57" s="19"/>
      <c r="G57" s="18" t="s">
        <v>112</v>
      </c>
      <c r="H57" s="17"/>
      <c r="I57" s="13">
        <v>89</v>
      </c>
      <c r="J57" s="19">
        <v>16</v>
      </c>
      <c r="K57" s="19">
        <v>73</v>
      </c>
    </row>
    <row r="58" spans="1:11" ht="15" customHeight="1">
      <c r="A58" s="17" t="s">
        <v>113</v>
      </c>
      <c r="B58" s="17"/>
      <c r="C58" s="13">
        <v>224</v>
      </c>
      <c r="D58" s="19">
        <v>112</v>
      </c>
      <c r="E58" s="19">
        <v>112</v>
      </c>
      <c r="F58" s="19"/>
      <c r="G58" s="18" t="s">
        <v>114</v>
      </c>
      <c r="H58" s="17"/>
      <c r="I58" s="13">
        <v>71</v>
      </c>
      <c r="J58" s="19">
        <v>23</v>
      </c>
      <c r="K58" s="19">
        <v>48</v>
      </c>
    </row>
    <row r="59" spans="1:11" ht="20.100000000000001" customHeight="1">
      <c r="A59" s="17" t="s">
        <v>115</v>
      </c>
      <c r="B59" s="17"/>
      <c r="C59" s="13">
        <v>1494</v>
      </c>
      <c r="D59" s="14">
        <v>782</v>
      </c>
      <c r="E59" s="14">
        <v>712</v>
      </c>
      <c r="F59" s="14"/>
      <c r="G59" s="18" t="s">
        <v>116</v>
      </c>
      <c r="H59" s="17"/>
      <c r="I59" s="13">
        <v>180</v>
      </c>
      <c r="J59" s="14">
        <v>34</v>
      </c>
      <c r="K59" s="14">
        <v>146</v>
      </c>
    </row>
    <row r="60" spans="1:11" ht="15" customHeight="1">
      <c r="A60" s="17" t="s">
        <v>117</v>
      </c>
      <c r="B60" s="17"/>
      <c r="C60" s="13">
        <v>254</v>
      </c>
      <c r="D60" s="19">
        <v>128</v>
      </c>
      <c r="E60" s="19">
        <v>126</v>
      </c>
      <c r="F60" s="19"/>
      <c r="G60" s="18" t="s">
        <v>118</v>
      </c>
      <c r="H60" s="17"/>
      <c r="I60" s="13">
        <v>63</v>
      </c>
      <c r="J60" s="19">
        <v>11</v>
      </c>
      <c r="K60" s="19">
        <v>52</v>
      </c>
    </row>
    <row r="61" spans="1:11" ht="15" customHeight="1">
      <c r="A61" s="17" t="s">
        <v>119</v>
      </c>
      <c r="B61" s="17"/>
      <c r="C61" s="13">
        <v>272</v>
      </c>
      <c r="D61" s="19">
        <v>141</v>
      </c>
      <c r="E61" s="19">
        <v>131</v>
      </c>
      <c r="F61" s="19"/>
      <c r="G61" s="18" t="s">
        <v>120</v>
      </c>
      <c r="H61" s="17"/>
      <c r="I61" s="13">
        <v>47</v>
      </c>
      <c r="J61" s="19">
        <v>12</v>
      </c>
      <c r="K61" s="19">
        <v>35</v>
      </c>
    </row>
    <row r="62" spans="1:11" ht="15" customHeight="1">
      <c r="A62" s="17" t="s">
        <v>121</v>
      </c>
      <c r="B62" s="17"/>
      <c r="C62" s="13">
        <v>328</v>
      </c>
      <c r="D62" s="19">
        <v>176</v>
      </c>
      <c r="E62" s="19">
        <v>152</v>
      </c>
      <c r="F62" s="19"/>
      <c r="G62" s="18" t="s">
        <v>122</v>
      </c>
      <c r="H62" s="17"/>
      <c r="I62" s="13">
        <v>31</v>
      </c>
      <c r="J62" s="19">
        <v>4</v>
      </c>
      <c r="K62" s="19">
        <v>27</v>
      </c>
    </row>
    <row r="63" spans="1:11" ht="15" customHeight="1">
      <c r="A63" s="17" t="s">
        <v>123</v>
      </c>
      <c r="B63" s="17"/>
      <c r="C63" s="13">
        <v>323</v>
      </c>
      <c r="D63" s="19">
        <v>168</v>
      </c>
      <c r="E63" s="19">
        <v>155</v>
      </c>
      <c r="F63" s="19"/>
      <c r="G63" s="18" t="s">
        <v>124</v>
      </c>
      <c r="H63" s="17"/>
      <c r="I63" s="13">
        <v>24</v>
      </c>
      <c r="J63" s="19">
        <v>4</v>
      </c>
      <c r="K63" s="19">
        <v>20</v>
      </c>
    </row>
    <row r="64" spans="1:11" ht="15" customHeight="1">
      <c r="A64" s="17" t="s">
        <v>125</v>
      </c>
      <c r="B64" s="17"/>
      <c r="C64" s="13">
        <v>317</v>
      </c>
      <c r="D64" s="19">
        <v>169</v>
      </c>
      <c r="E64" s="19">
        <v>148</v>
      </c>
      <c r="F64" s="19"/>
      <c r="G64" s="18" t="s">
        <v>126</v>
      </c>
      <c r="H64" s="17"/>
      <c r="I64" s="13">
        <v>15</v>
      </c>
      <c r="J64" s="19">
        <v>3</v>
      </c>
      <c r="K64" s="19">
        <v>12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36</v>
      </c>
      <c r="J65" s="19">
        <v>1</v>
      </c>
      <c r="K65" s="19">
        <v>35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239</v>
      </c>
      <c r="J66" s="27">
        <v>100</v>
      </c>
      <c r="K66" s="27">
        <v>139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38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97517</v>
      </c>
      <c r="D4" s="14">
        <v>98564</v>
      </c>
      <c r="E4" s="14">
        <v>98953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536</v>
      </c>
      <c r="D5" s="14">
        <v>2777</v>
      </c>
      <c r="E5" s="14">
        <v>2759</v>
      </c>
      <c r="F5" s="14"/>
      <c r="G5" s="18" t="s">
        <v>8</v>
      </c>
      <c r="H5" s="17"/>
      <c r="I5" s="13">
        <v>16054</v>
      </c>
      <c r="J5" s="14">
        <v>8310</v>
      </c>
      <c r="K5" s="14">
        <v>7744</v>
      </c>
    </row>
    <row r="6" spans="1:11" ht="15" customHeight="1">
      <c r="A6" s="17" t="s">
        <v>9</v>
      </c>
      <c r="B6" s="17"/>
      <c r="C6" s="13">
        <v>1047</v>
      </c>
      <c r="D6" s="19">
        <v>584</v>
      </c>
      <c r="E6" s="19">
        <v>463</v>
      </c>
      <c r="F6" s="19"/>
      <c r="G6" s="18" t="s">
        <v>10</v>
      </c>
      <c r="H6" s="17"/>
      <c r="I6" s="13">
        <v>3247</v>
      </c>
      <c r="J6" s="19">
        <v>1661</v>
      </c>
      <c r="K6" s="19">
        <v>1586</v>
      </c>
    </row>
    <row r="7" spans="1:11" ht="15" customHeight="1">
      <c r="A7" s="17" t="s">
        <v>11</v>
      </c>
      <c r="B7" s="17"/>
      <c r="C7" s="13">
        <v>1050</v>
      </c>
      <c r="D7" s="19">
        <v>508</v>
      </c>
      <c r="E7" s="19">
        <v>542</v>
      </c>
      <c r="F7" s="19"/>
      <c r="G7" s="18" t="s">
        <v>12</v>
      </c>
      <c r="H7" s="17"/>
      <c r="I7" s="13">
        <v>3240</v>
      </c>
      <c r="J7" s="19">
        <v>1679</v>
      </c>
      <c r="K7" s="19">
        <v>1561</v>
      </c>
    </row>
    <row r="8" spans="1:11" ht="15" customHeight="1">
      <c r="A8" s="17" t="s">
        <v>13</v>
      </c>
      <c r="B8" s="17"/>
      <c r="C8" s="13">
        <v>1139</v>
      </c>
      <c r="D8" s="19">
        <v>562</v>
      </c>
      <c r="E8" s="19">
        <v>577</v>
      </c>
      <c r="F8" s="19"/>
      <c r="G8" s="18" t="s">
        <v>14</v>
      </c>
      <c r="H8" s="17"/>
      <c r="I8" s="13">
        <v>3230</v>
      </c>
      <c r="J8" s="19">
        <v>1682</v>
      </c>
      <c r="K8" s="19">
        <v>1548</v>
      </c>
    </row>
    <row r="9" spans="1:11" ht="15" customHeight="1">
      <c r="A9" s="17" t="s">
        <v>15</v>
      </c>
      <c r="B9" s="17"/>
      <c r="C9" s="13">
        <v>1093</v>
      </c>
      <c r="D9" s="19">
        <v>534</v>
      </c>
      <c r="E9" s="19">
        <v>559</v>
      </c>
      <c r="F9" s="19"/>
      <c r="G9" s="18" t="s">
        <v>16</v>
      </c>
      <c r="H9" s="17"/>
      <c r="I9" s="13">
        <v>3092</v>
      </c>
      <c r="J9" s="19">
        <v>1598</v>
      </c>
      <c r="K9" s="19">
        <v>1494</v>
      </c>
    </row>
    <row r="10" spans="1:11" ht="15" customHeight="1">
      <c r="A10" s="17" t="s">
        <v>17</v>
      </c>
      <c r="B10" s="17"/>
      <c r="C10" s="13">
        <v>1207</v>
      </c>
      <c r="D10" s="19">
        <v>589</v>
      </c>
      <c r="E10" s="19">
        <v>618</v>
      </c>
      <c r="F10" s="19"/>
      <c r="G10" s="18" t="s">
        <v>18</v>
      </c>
      <c r="H10" s="17"/>
      <c r="I10" s="13">
        <v>3245</v>
      </c>
      <c r="J10" s="19">
        <v>1690</v>
      </c>
      <c r="K10" s="19">
        <v>1555</v>
      </c>
    </row>
    <row r="11" spans="1:11" ht="20.100000000000001" customHeight="1">
      <c r="A11" s="17" t="s">
        <v>19</v>
      </c>
      <c r="B11" s="17"/>
      <c r="C11" s="13">
        <v>6436</v>
      </c>
      <c r="D11" s="14">
        <v>3349</v>
      </c>
      <c r="E11" s="14">
        <v>3087</v>
      </c>
      <c r="F11" s="14"/>
      <c r="G11" s="18" t="s">
        <v>20</v>
      </c>
      <c r="H11" s="17"/>
      <c r="I11" s="13">
        <v>13276</v>
      </c>
      <c r="J11" s="14">
        <v>6958</v>
      </c>
      <c r="K11" s="14">
        <v>6318</v>
      </c>
    </row>
    <row r="12" spans="1:11" ht="15" customHeight="1">
      <c r="A12" s="17" t="s">
        <v>21</v>
      </c>
      <c r="B12" s="17"/>
      <c r="C12" s="13">
        <v>1225</v>
      </c>
      <c r="D12" s="19">
        <v>618</v>
      </c>
      <c r="E12" s="19">
        <v>607</v>
      </c>
      <c r="F12" s="19"/>
      <c r="G12" s="18" t="s">
        <v>22</v>
      </c>
      <c r="H12" s="17"/>
      <c r="I12" s="13">
        <v>2365</v>
      </c>
      <c r="J12" s="19">
        <v>1240</v>
      </c>
      <c r="K12" s="19">
        <v>1125</v>
      </c>
    </row>
    <row r="13" spans="1:11" ht="15" customHeight="1">
      <c r="A13" s="17" t="s">
        <v>23</v>
      </c>
      <c r="B13" s="17"/>
      <c r="C13" s="13">
        <v>1228</v>
      </c>
      <c r="D13" s="19">
        <v>651</v>
      </c>
      <c r="E13" s="19">
        <v>577</v>
      </c>
      <c r="F13" s="19"/>
      <c r="G13" s="18" t="s">
        <v>24</v>
      </c>
      <c r="H13" s="17"/>
      <c r="I13" s="13">
        <v>2972</v>
      </c>
      <c r="J13" s="19">
        <v>1586</v>
      </c>
      <c r="K13" s="19">
        <v>1386</v>
      </c>
    </row>
    <row r="14" spans="1:11" ht="15" customHeight="1">
      <c r="A14" s="17" t="s">
        <v>25</v>
      </c>
      <c r="B14" s="17"/>
      <c r="C14" s="13">
        <v>1259</v>
      </c>
      <c r="D14" s="19">
        <v>646</v>
      </c>
      <c r="E14" s="19">
        <v>613</v>
      </c>
      <c r="F14" s="19"/>
      <c r="G14" s="18" t="s">
        <v>26</v>
      </c>
      <c r="H14" s="17"/>
      <c r="I14" s="13">
        <v>2720</v>
      </c>
      <c r="J14" s="19">
        <v>1410</v>
      </c>
      <c r="K14" s="19">
        <v>1310</v>
      </c>
    </row>
    <row r="15" spans="1:11" ht="15" customHeight="1">
      <c r="A15" s="17" t="s">
        <v>27</v>
      </c>
      <c r="B15" s="17"/>
      <c r="C15" s="13">
        <v>1385</v>
      </c>
      <c r="D15" s="19">
        <v>734</v>
      </c>
      <c r="E15" s="19">
        <v>651</v>
      </c>
      <c r="F15" s="19"/>
      <c r="G15" s="18" t="s">
        <v>28</v>
      </c>
      <c r="H15" s="17"/>
      <c r="I15" s="13">
        <v>2656</v>
      </c>
      <c r="J15" s="19">
        <v>1407</v>
      </c>
      <c r="K15" s="19">
        <v>1249</v>
      </c>
    </row>
    <row r="16" spans="1:11" ht="15" customHeight="1">
      <c r="A16" s="17" t="s">
        <v>29</v>
      </c>
      <c r="B16" s="17"/>
      <c r="C16" s="13">
        <v>1339</v>
      </c>
      <c r="D16" s="19">
        <v>700</v>
      </c>
      <c r="E16" s="19">
        <v>639</v>
      </c>
      <c r="F16" s="19"/>
      <c r="G16" s="18" t="s">
        <v>30</v>
      </c>
      <c r="H16" s="17"/>
      <c r="I16" s="13">
        <v>2563</v>
      </c>
      <c r="J16" s="19">
        <v>1315</v>
      </c>
      <c r="K16" s="19">
        <v>1248</v>
      </c>
    </row>
    <row r="17" spans="1:11" ht="20.100000000000001" customHeight="1">
      <c r="A17" s="20" t="s">
        <v>31</v>
      </c>
      <c r="B17" s="20"/>
      <c r="C17" s="13">
        <v>6692</v>
      </c>
      <c r="D17" s="14">
        <v>3473</v>
      </c>
      <c r="E17" s="14">
        <v>3219</v>
      </c>
      <c r="F17" s="14"/>
      <c r="G17" s="18" t="s">
        <v>32</v>
      </c>
      <c r="H17" s="17"/>
      <c r="I17" s="13">
        <v>11504</v>
      </c>
      <c r="J17" s="14">
        <v>5944</v>
      </c>
      <c r="K17" s="14">
        <v>5560</v>
      </c>
    </row>
    <row r="18" spans="1:11" ht="15" customHeight="1">
      <c r="A18" s="17" t="s">
        <v>33</v>
      </c>
      <c r="B18" s="17"/>
      <c r="C18" s="13">
        <v>1285</v>
      </c>
      <c r="D18" s="19">
        <v>677</v>
      </c>
      <c r="E18" s="19">
        <v>608</v>
      </c>
      <c r="F18" s="19"/>
      <c r="G18" s="18" t="s">
        <v>34</v>
      </c>
      <c r="H18" s="17"/>
      <c r="I18" s="13">
        <v>2365</v>
      </c>
      <c r="J18" s="19">
        <v>1210</v>
      </c>
      <c r="K18" s="19">
        <v>1155</v>
      </c>
    </row>
    <row r="19" spans="1:11" ht="15" customHeight="1">
      <c r="A19" s="17" t="s">
        <v>35</v>
      </c>
      <c r="B19" s="17"/>
      <c r="C19" s="13">
        <v>1307</v>
      </c>
      <c r="D19" s="19">
        <v>665</v>
      </c>
      <c r="E19" s="19">
        <v>642</v>
      </c>
      <c r="F19" s="19"/>
      <c r="G19" s="18" t="s">
        <v>36</v>
      </c>
      <c r="H19" s="17"/>
      <c r="I19" s="13">
        <v>2392</v>
      </c>
      <c r="J19" s="19">
        <v>1250</v>
      </c>
      <c r="K19" s="19">
        <v>1142</v>
      </c>
    </row>
    <row r="20" spans="1:11" ht="15" customHeight="1">
      <c r="A20" s="17" t="s">
        <v>37</v>
      </c>
      <c r="B20" s="17"/>
      <c r="C20" s="13">
        <v>1352</v>
      </c>
      <c r="D20" s="19">
        <v>705</v>
      </c>
      <c r="E20" s="19">
        <v>647</v>
      </c>
      <c r="F20" s="19"/>
      <c r="G20" s="18" t="s">
        <v>38</v>
      </c>
      <c r="H20" s="17"/>
      <c r="I20" s="13">
        <v>2254</v>
      </c>
      <c r="J20" s="19">
        <v>1178</v>
      </c>
      <c r="K20" s="19">
        <v>1076</v>
      </c>
    </row>
    <row r="21" spans="1:11" ht="15" customHeight="1">
      <c r="A21" s="17" t="s">
        <v>39</v>
      </c>
      <c r="B21" s="17"/>
      <c r="C21" s="13">
        <v>1392</v>
      </c>
      <c r="D21" s="19">
        <v>717</v>
      </c>
      <c r="E21" s="19">
        <v>675</v>
      </c>
      <c r="F21" s="19"/>
      <c r="G21" s="18" t="s">
        <v>40</v>
      </c>
      <c r="H21" s="17"/>
      <c r="I21" s="13">
        <v>2341</v>
      </c>
      <c r="J21" s="19">
        <v>1210</v>
      </c>
      <c r="K21" s="19">
        <v>1131</v>
      </c>
    </row>
    <row r="22" spans="1:11" ht="15" customHeight="1">
      <c r="A22" s="17" t="s">
        <v>41</v>
      </c>
      <c r="B22" s="17"/>
      <c r="C22" s="13">
        <v>1356</v>
      </c>
      <c r="D22" s="19">
        <v>709</v>
      </c>
      <c r="E22" s="19">
        <v>647</v>
      </c>
      <c r="F22" s="19"/>
      <c r="G22" s="18" t="s">
        <v>42</v>
      </c>
      <c r="H22" s="17"/>
      <c r="I22" s="13">
        <v>2152</v>
      </c>
      <c r="J22" s="19">
        <v>1096</v>
      </c>
      <c r="K22" s="19">
        <v>1056</v>
      </c>
    </row>
    <row r="23" spans="1:11" ht="20.100000000000001" customHeight="1">
      <c r="A23" s="17" t="s">
        <v>43</v>
      </c>
      <c r="B23" s="17"/>
      <c r="C23" s="13">
        <v>6934</v>
      </c>
      <c r="D23" s="14">
        <v>3496</v>
      </c>
      <c r="E23" s="14">
        <v>3438</v>
      </c>
      <c r="F23" s="14"/>
      <c r="G23" s="18" t="s">
        <v>44</v>
      </c>
      <c r="H23" s="17"/>
      <c r="I23" s="13">
        <v>11100</v>
      </c>
      <c r="J23" s="14">
        <v>5703</v>
      </c>
      <c r="K23" s="14">
        <v>5397</v>
      </c>
    </row>
    <row r="24" spans="1:11" ht="15" customHeight="1">
      <c r="A24" s="17" t="s">
        <v>45</v>
      </c>
      <c r="B24" s="17"/>
      <c r="C24" s="13">
        <v>1282</v>
      </c>
      <c r="D24" s="19">
        <v>636</v>
      </c>
      <c r="E24" s="19">
        <v>646</v>
      </c>
      <c r="F24" s="19"/>
      <c r="G24" s="18" t="s">
        <v>46</v>
      </c>
      <c r="H24" s="17"/>
      <c r="I24" s="13">
        <v>2149</v>
      </c>
      <c r="J24" s="19">
        <v>1092</v>
      </c>
      <c r="K24" s="19">
        <v>1057</v>
      </c>
    </row>
    <row r="25" spans="1:11" ht="15" customHeight="1">
      <c r="A25" s="17" t="s">
        <v>47</v>
      </c>
      <c r="B25" s="17"/>
      <c r="C25" s="13">
        <v>1308</v>
      </c>
      <c r="D25" s="19">
        <v>691</v>
      </c>
      <c r="E25" s="19">
        <v>617</v>
      </c>
      <c r="F25" s="19"/>
      <c r="G25" s="18" t="s">
        <v>48</v>
      </c>
      <c r="H25" s="17"/>
      <c r="I25" s="13">
        <v>2218</v>
      </c>
      <c r="J25" s="19">
        <v>1138</v>
      </c>
      <c r="K25" s="19">
        <v>1080</v>
      </c>
    </row>
    <row r="26" spans="1:11" ht="15" customHeight="1">
      <c r="A26" s="17" t="s">
        <v>49</v>
      </c>
      <c r="B26" s="17"/>
      <c r="C26" s="13">
        <v>1385</v>
      </c>
      <c r="D26" s="19">
        <v>699</v>
      </c>
      <c r="E26" s="19">
        <v>686</v>
      </c>
      <c r="F26" s="19"/>
      <c r="G26" s="18" t="s">
        <v>50</v>
      </c>
      <c r="H26" s="17"/>
      <c r="I26" s="13">
        <v>2145</v>
      </c>
      <c r="J26" s="19">
        <v>1141</v>
      </c>
      <c r="K26" s="19">
        <v>1004</v>
      </c>
    </row>
    <row r="27" spans="1:11" ht="15" customHeight="1">
      <c r="A27" s="17" t="s">
        <v>51</v>
      </c>
      <c r="B27" s="17"/>
      <c r="C27" s="13">
        <v>1454</v>
      </c>
      <c r="D27" s="19">
        <v>719</v>
      </c>
      <c r="E27" s="19">
        <v>735</v>
      </c>
      <c r="F27" s="19"/>
      <c r="G27" s="18" t="s">
        <v>52</v>
      </c>
      <c r="H27" s="17"/>
      <c r="I27" s="13">
        <v>2233</v>
      </c>
      <c r="J27" s="19">
        <v>1120</v>
      </c>
      <c r="K27" s="19">
        <v>1113</v>
      </c>
    </row>
    <row r="28" spans="1:11" ht="15" customHeight="1">
      <c r="A28" s="17" t="s">
        <v>53</v>
      </c>
      <c r="B28" s="17"/>
      <c r="C28" s="13">
        <v>1505</v>
      </c>
      <c r="D28" s="19">
        <v>751</v>
      </c>
      <c r="E28" s="19">
        <v>754</v>
      </c>
      <c r="F28" s="19"/>
      <c r="G28" s="18" t="s">
        <v>54</v>
      </c>
      <c r="H28" s="17"/>
      <c r="I28" s="13">
        <v>2355</v>
      </c>
      <c r="J28" s="19">
        <v>1212</v>
      </c>
      <c r="K28" s="19">
        <v>1143</v>
      </c>
    </row>
    <row r="29" spans="1:11" ht="20.100000000000001" customHeight="1">
      <c r="A29" s="17" t="s">
        <v>55</v>
      </c>
      <c r="B29" s="17"/>
      <c r="C29" s="13">
        <v>10656</v>
      </c>
      <c r="D29" s="14">
        <v>5281</v>
      </c>
      <c r="E29" s="14">
        <v>5375</v>
      </c>
      <c r="F29" s="14"/>
      <c r="G29" s="18" t="s">
        <v>56</v>
      </c>
      <c r="H29" s="17"/>
      <c r="I29" s="13">
        <v>14201</v>
      </c>
      <c r="J29" s="14">
        <v>7120</v>
      </c>
      <c r="K29" s="14">
        <v>7081</v>
      </c>
    </row>
    <row r="30" spans="1:11" ht="15" customHeight="1">
      <c r="A30" s="17" t="s">
        <v>57</v>
      </c>
      <c r="B30" s="17"/>
      <c r="C30" s="13">
        <v>1670</v>
      </c>
      <c r="D30" s="19">
        <v>844</v>
      </c>
      <c r="E30" s="19">
        <v>826</v>
      </c>
      <c r="F30" s="19"/>
      <c r="G30" s="18" t="s">
        <v>58</v>
      </c>
      <c r="H30" s="17"/>
      <c r="I30" s="13">
        <v>2519</v>
      </c>
      <c r="J30" s="19">
        <v>1311</v>
      </c>
      <c r="K30" s="19">
        <v>1208</v>
      </c>
    </row>
    <row r="31" spans="1:11" ht="15" customHeight="1">
      <c r="A31" s="17" t="s">
        <v>59</v>
      </c>
      <c r="B31" s="17"/>
      <c r="C31" s="13">
        <v>1898</v>
      </c>
      <c r="D31" s="19">
        <v>946</v>
      </c>
      <c r="E31" s="19">
        <v>952</v>
      </c>
      <c r="F31" s="19"/>
      <c r="G31" s="18" t="s">
        <v>60</v>
      </c>
      <c r="H31" s="17"/>
      <c r="I31" s="13">
        <v>2693</v>
      </c>
      <c r="J31" s="19">
        <v>1362</v>
      </c>
      <c r="K31" s="19">
        <v>1331</v>
      </c>
    </row>
    <row r="32" spans="1:11" ht="15" customHeight="1">
      <c r="A32" s="17" t="s">
        <v>61</v>
      </c>
      <c r="B32" s="17"/>
      <c r="C32" s="13">
        <v>2015</v>
      </c>
      <c r="D32" s="19">
        <v>990</v>
      </c>
      <c r="E32" s="19">
        <v>1025</v>
      </c>
      <c r="F32" s="19"/>
      <c r="G32" s="18" t="s">
        <v>62</v>
      </c>
      <c r="H32" s="17"/>
      <c r="I32" s="13">
        <v>3071</v>
      </c>
      <c r="J32" s="19">
        <v>1556</v>
      </c>
      <c r="K32" s="19">
        <v>1515</v>
      </c>
    </row>
    <row r="33" spans="1:11" ht="15" customHeight="1">
      <c r="A33" s="17" t="s">
        <v>63</v>
      </c>
      <c r="B33" s="17"/>
      <c r="C33" s="13">
        <v>2516</v>
      </c>
      <c r="D33" s="19">
        <v>1243</v>
      </c>
      <c r="E33" s="19">
        <v>1273</v>
      </c>
      <c r="F33" s="19"/>
      <c r="G33" s="18" t="s">
        <v>64</v>
      </c>
      <c r="H33" s="17"/>
      <c r="I33" s="13">
        <v>2952</v>
      </c>
      <c r="J33" s="19">
        <v>1446</v>
      </c>
      <c r="K33" s="19">
        <v>1506</v>
      </c>
    </row>
    <row r="34" spans="1:11" ht="15" customHeight="1">
      <c r="A34" s="17" t="s">
        <v>65</v>
      </c>
      <c r="B34" s="17"/>
      <c r="C34" s="13">
        <v>2557</v>
      </c>
      <c r="D34" s="19">
        <v>1258</v>
      </c>
      <c r="E34" s="19">
        <v>1299</v>
      </c>
      <c r="F34" s="19"/>
      <c r="G34" s="18" t="s">
        <v>66</v>
      </c>
      <c r="H34" s="17"/>
      <c r="I34" s="13">
        <v>2966</v>
      </c>
      <c r="J34" s="19">
        <v>1445</v>
      </c>
      <c r="K34" s="19">
        <v>1521</v>
      </c>
    </row>
    <row r="35" spans="1:11" ht="20.100000000000001" customHeight="1">
      <c r="A35" s="17" t="s">
        <v>67</v>
      </c>
      <c r="B35" s="17"/>
      <c r="C35" s="13">
        <v>11814</v>
      </c>
      <c r="D35" s="14">
        <v>6026</v>
      </c>
      <c r="E35" s="14">
        <v>5788</v>
      </c>
      <c r="F35" s="14"/>
      <c r="G35" s="18" t="s">
        <v>68</v>
      </c>
      <c r="H35" s="17"/>
      <c r="I35" s="13">
        <v>9712</v>
      </c>
      <c r="J35" s="14">
        <v>4323</v>
      </c>
      <c r="K35" s="14">
        <v>5389</v>
      </c>
    </row>
    <row r="36" spans="1:11" ht="15" customHeight="1">
      <c r="A36" s="17" t="s">
        <v>69</v>
      </c>
      <c r="B36" s="17"/>
      <c r="C36" s="13">
        <v>2477</v>
      </c>
      <c r="D36" s="19">
        <v>1276</v>
      </c>
      <c r="E36" s="19">
        <v>1201</v>
      </c>
      <c r="F36" s="19"/>
      <c r="G36" s="18" t="s">
        <v>70</v>
      </c>
      <c r="H36" s="17"/>
      <c r="I36" s="13">
        <v>1864</v>
      </c>
      <c r="J36" s="19">
        <v>864</v>
      </c>
      <c r="K36" s="19">
        <v>1000</v>
      </c>
    </row>
    <row r="37" spans="1:11" ht="15" customHeight="1">
      <c r="A37" s="17" t="s">
        <v>71</v>
      </c>
      <c r="B37" s="17"/>
      <c r="C37" s="13">
        <v>2500</v>
      </c>
      <c r="D37" s="19">
        <v>1274</v>
      </c>
      <c r="E37" s="19">
        <v>1226</v>
      </c>
      <c r="F37" s="19"/>
      <c r="G37" s="18" t="s">
        <v>72</v>
      </c>
      <c r="H37" s="17"/>
      <c r="I37" s="13">
        <v>1613</v>
      </c>
      <c r="J37" s="19">
        <v>731</v>
      </c>
      <c r="K37" s="19">
        <v>882</v>
      </c>
    </row>
    <row r="38" spans="1:11" ht="15" customHeight="1">
      <c r="A38" s="17" t="s">
        <v>73</v>
      </c>
      <c r="B38" s="17"/>
      <c r="C38" s="13">
        <v>2466</v>
      </c>
      <c r="D38" s="19">
        <v>1267</v>
      </c>
      <c r="E38" s="19">
        <v>1199</v>
      </c>
      <c r="F38" s="19"/>
      <c r="G38" s="18" t="s">
        <v>74</v>
      </c>
      <c r="H38" s="17"/>
      <c r="I38" s="13">
        <v>2109</v>
      </c>
      <c r="J38" s="19">
        <v>978</v>
      </c>
      <c r="K38" s="19">
        <v>1131</v>
      </c>
    </row>
    <row r="39" spans="1:11" ht="15" customHeight="1">
      <c r="A39" s="17" t="s">
        <v>75</v>
      </c>
      <c r="B39" s="17"/>
      <c r="C39" s="13">
        <v>2259</v>
      </c>
      <c r="D39" s="19">
        <v>1156</v>
      </c>
      <c r="E39" s="19">
        <v>1103</v>
      </c>
      <c r="F39" s="19"/>
      <c r="G39" s="18" t="s">
        <v>76</v>
      </c>
      <c r="H39" s="17"/>
      <c r="I39" s="13">
        <v>2145</v>
      </c>
      <c r="J39" s="19">
        <v>956</v>
      </c>
      <c r="K39" s="19">
        <v>1189</v>
      </c>
    </row>
    <row r="40" spans="1:11" ht="15" customHeight="1">
      <c r="A40" s="17" t="s">
        <v>77</v>
      </c>
      <c r="B40" s="17"/>
      <c r="C40" s="13">
        <v>2112</v>
      </c>
      <c r="D40" s="19">
        <v>1053</v>
      </c>
      <c r="E40" s="19">
        <v>1059</v>
      </c>
      <c r="F40" s="19"/>
      <c r="G40" s="18" t="s">
        <v>78</v>
      </c>
      <c r="H40" s="17"/>
      <c r="I40" s="13">
        <v>1981</v>
      </c>
      <c r="J40" s="19">
        <v>794</v>
      </c>
      <c r="K40" s="19">
        <v>1187</v>
      </c>
    </row>
    <row r="41" spans="1:11" ht="20.100000000000001" customHeight="1">
      <c r="A41" s="17" t="s">
        <v>79</v>
      </c>
      <c r="B41" s="17"/>
      <c r="C41" s="13">
        <v>10834</v>
      </c>
      <c r="D41" s="14">
        <v>5559</v>
      </c>
      <c r="E41" s="14">
        <v>5275</v>
      </c>
      <c r="F41" s="14"/>
      <c r="G41" s="18" t="s">
        <v>80</v>
      </c>
      <c r="H41" s="17"/>
      <c r="I41" s="13">
        <v>8195</v>
      </c>
      <c r="J41" s="14">
        <v>3320</v>
      </c>
      <c r="K41" s="14">
        <v>4875</v>
      </c>
    </row>
    <row r="42" spans="1:11" ht="15" customHeight="1">
      <c r="A42" s="17" t="s">
        <v>81</v>
      </c>
      <c r="B42" s="17"/>
      <c r="C42" s="13">
        <v>2241</v>
      </c>
      <c r="D42" s="19">
        <v>1118</v>
      </c>
      <c r="E42" s="19">
        <v>1123</v>
      </c>
      <c r="F42" s="19"/>
      <c r="G42" s="18" t="s">
        <v>82</v>
      </c>
      <c r="H42" s="17"/>
      <c r="I42" s="13">
        <v>2018</v>
      </c>
      <c r="J42" s="19">
        <v>832</v>
      </c>
      <c r="K42" s="19">
        <v>1186</v>
      </c>
    </row>
    <row r="43" spans="1:11" ht="15" customHeight="1">
      <c r="A43" s="17" t="s">
        <v>83</v>
      </c>
      <c r="B43" s="17"/>
      <c r="C43" s="13">
        <v>2115</v>
      </c>
      <c r="D43" s="19">
        <v>1095</v>
      </c>
      <c r="E43" s="19">
        <v>1020</v>
      </c>
      <c r="F43" s="19"/>
      <c r="G43" s="18" t="s">
        <v>84</v>
      </c>
      <c r="H43" s="17"/>
      <c r="I43" s="13">
        <v>1788</v>
      </c>
      <c r="J43" s="19">
        <v>746</v>
      </c>
      <c r="K43" s="19">
        <v>1042</v>
      </c>
    </row>
    <row r="44" spans="1:11" ht="15" customHeight="1">
      <c r="A44" s="17" t="s">
        <v>85</v>
      </c>
      <c r="B44" s="17"/>
      <c r="C44" s="13">
        <v>2155</v>
      </c>
      <c r="D44" s="19">
        <v>1121</v>
      </c>
      <c r="E44" s="19">
        <v>1034</v>
      </c>
      <c r="F44" s="19"/>
      <c r="G44" s="18" t="s">
        <v>86</v>
      </c>
      <c r="H44" s="17"/>
      <c r="I44" s="13">
        <v>1539</v>
      </c>
      <c r="J44" s="19">
        <v>598</v>
      </c>
      <c r="K44" s="19">
        <v>941</v>
      </c>
    </row>
    <row r="45" spans="1:11" ht="15" customHeight="1">
      <c r="A45" s="17" t="s">
        <v>87</v>
      </c>
      <c r="B45" s="17"/>
      <c r="C45" s="13">
        <v>2186</v>
      </c>
      <c r="D45" s="19">
        <v>1136</v>
      </c>
      <c r="E45" s="19">
        <v>1050</v>
      </c>
      <c r="F45" s="19"/>
      <c r="G45" s="18" t="s">
        <v>88</v>
      </c>
      <c r="H45" s="17"/>
      <c r="I45" s="13">
        <v>1315</v>
      </c>
      <c r="J45" s="19">
        <v>574</v>
      </c>
      <c r="K45" s="19">
        <v>741</v>
      </c>
    </row>
    <row r="46" spans="1:11" ht="15" customHeight="1">
      <c r="A46" s="17" t="s">
        <v>89</v>
      </c>
      <c r="B46" s="17"/>
      <c r="C46" s="13">
        <v>2137</v>
      </c>
      <c r="D46" s="19">
        <v>1089</v>
      </c>
      <c r="E46" s="19">
        <v>1048</v>
      </c>
      <c r="F46" s="19"/>
      <c r="G46" s="18" t="s">
        <v>90</v>
      </c>
      <c r="H46" s="17"/>
      <c r="I46" s="13">
        <v>1535</v>
      </c>
      <c r="J46" s="19">
        <v>570</v>
      </c>
      <c r="K46" s="19">
        <v>965</v>
      </c>
    </row>
    <row r="47" spans="1:11" ht="20.100000000000001" customHeight="1">
      <c r="A47" s="17" t="s">
        <v>91</v>
      </c>
      <c r="B47" s="17"/>
      <c r="C47" s="13">
        <v>11596</v>
      </c>
      <c r="D47" s="14">
        <v>5911</v>
      </c>
      <c r="E47" s="14">
        <v>5685</v>
      </c>
      <c r="F47" s="14"/>
      <c r="G47" s="18" t="s">
        <v>92</v>
      </c>
      <c r="H47" s="17"/>
      <c r="I47" s="13">
        <v>5671</v>
      </c>
      <c r="J47" s="14">
        <v>2055</v>
      </c>
      <c r="K47" s="14">
        <v>3616</v>
      </c>
    </row>
    <row r="48" spans="1:11" ht="15" customHeight="1">
      <c r="A48" s="17" t="s">
        <v>93</v>
      </c>
      <c r="B48" s="17"/>
      <c r="C48" s="13">
        <v>2194</v>
      </c>
      <c r="D48" s="19">
        <v>1118</v>
      </c>
      <c r="E48" s="19">
        <v>1076</v>
      </c>
      <c r="F48" s="19"/>
      <c r="G48" s="18" t="s">
        <v>94</v>
      </c>
      <c r="H48" s="17"/>
      <c r="I48" s="13">
        <v>1388</v>
      </c>
      <c r="J48" s="19">
        <v>519</v>
      </c>
      <c r="K48" s="19">
        <v>869</v>
      </c>
    </row>
    <row r="49" spans="1:11" ht="15" customHeight="1">
      <c r="A49" s="17" t="s">
        <v>95</v>
      </c>
      <c r="B49" s="17"/>
      <c r="C49" s="13">
        <v>2295</v>
      </c>
      <c r="D49" s="19">
        <v>1173</v>
      </c>
      <c r="E49" s="19">
        <v>1122</v>
      </c>
      <c r="F49" s="19"/>
      <c r="G49" s="18" t="s">
        <v>96</v>
      </c>
      <c r="H49" s="17"/>
      <c r="I49" s="13">
        <v>1308</v>
      </c>
      <c r="J49" s="19">
        <v>500</v>
      </c>
      <c r="K49" s="19">
        <v>808</v>
      </c>
    </row>
    <row r="50" spans="1:11" ht="15" customHeight="1">
      <c r="A50" s="17" t="s">
        <v>97</v>
      </c>
      <c r="B50" s="17"/>
      <c r="C50" s="13">
        <v>2350</v>
      </c>
      <c r="D50" s="19">
        <v>1197</v>
      </c>
      <c r="E50" s="19">
        <v>1153</v>
      </c>
      <c r="F50" s="19"/>
      <c r="G50" s="18" t="s">
        <v>98</v>
      </c>
      <c r="H50" s="17"/>
      <c r="I50" s="13">
        <v>1118</v>
      </c>
      <c r="J50" s="19">
        <v>419</v>
      </c>
      <c r="K50" s="19">
        <v>699</v>
      </c>
    </row>
    <row r="51" spans="1:11" ht="15" customHeight="1">
      <c r="A51" s="17" t="s">
        <v>99</v>
      </c>
      <c r="B51" s="17"/>
      <c r="C51" s="13">
        <v>2400</v>
      </c>
      <c r="D51" s="19">
        <v>1236</v>
      </c>
      <c r="E51" s="19">
        <v>1164</v>
      </c>
      <c r="F51" s="19"/>
      <c r="G51" s="18" t="s">
        <v>100</v>
      </c>
      <c r="H51" s="17"/>
      <c r="I51" s="13">
        <v>987</v>
      </c>
      <c r="J51" s="19">
        <v>342</v>
      </c>
      <c r="K51" s="19">
        <v>645</v>
      </c>
    </row>
    <row r="52" spans="1:11" ht="15" customHeight="1">
      <c r="A52" s="17" t="s">
        <v>101</v>
      </c>
      <c r="B52" s="17"/>
      <c r="C52" s="13">
        <v>2357</v>
      </c>
      <c r="D52" s="19">
        <v>1187</v>
      </c>
      <c r="E52" s="19">
        <v>1170</v>
      </c>
      <c r="F52" s="19"/>
      <c r="G52" s="18" t="s">
        <v>102</v>
      </c>
      <c r="H52" s="17"/>
      <c r="I52" s="13">
        <v>870</v>
      </c>
      <c r="J52" s="19">
        <v>275</v>
      </c>
      <c r="K52" s="19">
        <v>595</v>
      </c>
    </row>
    <row r="53" spans="1:11" ht="20.100000000000001" customHeight="1">
      <c r="A53" s="17" t="s">
        <v>103</v>
      </c>
      <c r="B53" s="17"/>
      <c r="C53" s="13">
        <v>12764</v>
      </c>
      <c r="D53" s="14">
        <v>6554</v>
      </c>
      <c r="E53" s="14">
        <v>6210</v>
      </c>
      <c r="F53" s="14"/>
      <c r="G53" s="18" t="s">
        <v>104</v>
      </c>
      <c r="H53" s="17"/>
      <c r="I53" s="13">
        <v>2510</v>
      </c>
      <c r="J53" s="14">
        <v>804</v>
      </c>
      <c r="K53" s="14">
        <v>1706</v>
      </c>
    </row>
    <row r="54" spans="1:11" ht="15" customHeight="1">
      <c r="A54" s="17" t="s">
        <v>105</v>
      </c>
      <c r="B54" s="17"/>
      <c r="C54" s="13">
        <v>2400</v>
      </c>
      <c r="D54" s="19">
        <v>1201</v>
      </c>
      <c r="E54" s="19">
        <v>1199</v>
      </c>
      <c r="F54" s="19"/>
      <c r="G54" s="18" t="s">
        <v>106</v>
      </c>
      <c r="H54" s="17"/>
      <c r="I54" s="13">
        <v>773</v>
      </c>
      <c r="J54" s="19">
        <v>262</v>
      </c>
      <c r="K54" s="19">
        <v>511</v>
      </c>
    </row>
    <row r="55" spans="1:11" ht="15" customHeight="1">
      <c r="A55" s="17" t="s">
        <v>107</v>
      </c>
      <c r="B55" s="17"/>
      <c r="C55" s="13">
        <v>2445</v>
      </c>
      <c r="D55" s="19">
        <v>1238</v>
      </c>
      <c r="E55" s="19">
        <v>1207</v>
      </c>
      <c r="F55" s="19"/>
      <c r="G55" s="18" t="s">
        <v>108</v>
      </c>
      <c r="H55" s="17"/>
      <c r="I55" s="13">
        <v>554</v>
      </c>
      <c r="J55" s="19">
        <v>200</v>
      </c>
      <c r="K55" s="19">
        <v>354</v>
      </c>
    </row>
    <row r="56" spans="1:11" ht="15" customHeight="1">
      <c r="A56" s="17" t="s">
        <v>109</v>
      </c>
      <c r="B56" s="17"/>
      <c r="C56" s="13">
        <v>2561</v>
      </c>
      <c r="D56" s="19">
        <v>1316</v>
      </c>
      <c r="E56" s="19">
        <v>1245</v>
      </c>
      <c r="F56" s="19"/>
      <c r="G56" s="18" t="s">
        <v>110</v>
      </c>
      <c r="H56" s="17"/>
      <c r="I56" s="13">
        <v>513</v>
      </c>
      <c r="J56" s="19">
        <v>156</v>
      </c>
      <c r="K56" s="19">
        <v>357</v>
      </c>
    </row>
    <row r="57" spans="1:11" ht="15" customHeight="1">
      <c r="A57" s="17" t="s">
        <v>111</v>
      </c>
      <c r="B57" s="17"/>
      <c r="C57" s="13">
        <v>2654</v>
      </c>
      <c r="D57" s="19">
        <v>1390</v>
      </c>
      <c r="E57" s="19">
        <v>1264</v>
      </c>
      <c r="F57" s="19"/>
      <c r="G57" s="18" t="s">
        <v>112</v>
      </c>
      <c r="H57" s="17"/>
      <c r="I57" s="13">
        <v>401</v>
      </c>
      <c r="J57" s="19">
        <v>116</v>
      </c>
      <c r="K57" s="19">
        <v>285</v>
      </c>
    </row>
    <row r="58" spans="1:11" ht="15" customHeight="1">
      <c r="A58" s="17" t="s">
        <v>113</v>
      </c>
      <c r="B58" s="17"/>
      <c r="C58" s="13">
        <v>2704</v>
      </c>
      <c r="D58" s="19">
        <v>1409</v>
      </c>
      <c r="E58" s="19">
        <v>1295</v>
      </c>
      <c r="F58" s="19"/>
      <c r="G58" s="18" t="s">
        <v>114</v>
      </c>
      <c r="H58" s="17"/>
      <c r="I58" s="13">
        <v>269</v>
      </c>
      <c r="J58" s="19">
        <v>70</v>
      </c>
      <c r="K58" s="19">
        <v>199</v>
      </c>
    </row>
    <row r="59" spans="1:11" ht="20.100000000000001" customHeight="1">
      <c r="A59" s="17" t="s">
        <v>115</v>
      </c>
      <c r="B59" s="17"/>
      <c r="C59" s="13">
        <v>15144</v>
      </c>
      <c r="D59" s="14">
        <v>7822</v>
      </c>
      <c r="E59" s="14">
        <v>7322</v>
      </c>
      <c r="F59" s="14"/>
      <c r="G59" s="18" t="s">
        <v>116</v>
      </c>
      <c r="H59" s="17"/>
      <c r="I59" s="13">
        <v>580</v>
      </c>
      <c r="J59" s="14">
        <v>129</v>
      </c>
      <c r="K59" s="14">
        <v>451</v>
      </c>
    </row>
    <row r="60" spans="1:11" ht="15" customHeight="1">
      <c r="A60" s="17" t="s">
        <v>117</v>
      </c>
      <c r="B60" s="17"/>
      <c r="C60" s="13">
        <v>2772</v>
      </c>
      <c r="D60" s="19">
        <v>1430</v>
      </c>
      <c r="E60" s="19">
        <v>1342</v>
      </c>
      <c r="F60" s="19"/>
      <c r="G60" s="18" t="s">
        <v>118</v>
      </c>
      <c r="H60" s="17"/>
      <c r="I60" s="13">
        <v>202</v>
      </c>
      <c r="J60" s="19">
        <v>38</v>
      </c>
      <c r="K60" s="19">
        <v>164</v>
      </c>
    </row>
    <row r="61" spans="1:11" ht="15" customHeight="1">
      <c r="A61" s="17" t="s">
        <v>119</v>
      </c>
      <c r="B61" s="17"/>
      <c r="C61" s="13">
        <v>2808</v>
      </c>
      <c r="D61" s="19">
        <v>1473</v>
      </c>
      <c r="E61" s="19">
        <v>1335</v>
      </c>
      <c r="F61" s="19"/>
      <c r="G61" s="18" t="s">
        <v>120</v>
      </c>
      <c r="H61" s="17"/>
      <c r="I61" s="13">
        <v>147</v>
      </c>
      <c r="J61" s="19">
        <v>35</v>
      </c>
      <c r="K61" s="19">
        <v>112</v>
      </c>
    </row>
    <row r="62" spans="1:11" ht="15" customHeight="1">
      <c r="A62" s="17" t="s">
        <v>121</v>
      </c>
      <c r="B62" s="17"/>
      <c r="C62" s="13">
        <v>2971</v>
      </c>
      <c r="D62" s="19">
        <v>1507</v>
      </c>
      <c r="E62" s="19">
        <v>1464</v>
      </c>
      <c r="F62" s="19"/>
      <c r="G62" s="18" t="s">
        <v>122</v>
      </c>
      <c r="H62" s="17"/>
      <c r="I62" s="13">
        <v>120</v>
      </c>
      <c r="J62" s="19">
        <v>35</v>
      </c>
      <c r="K62" s="19">
        <v>85</v>
      </c>
    </row>
    <row r="63" spans="1:11" ht="15" customHeight="1">
      <c r="A63" s="17" t="s">
        <v>123</v>
      </c>
      <c r="B63" s="17"/>
      <c r="C63" s="13">
        <v>3281</v>
      </c>
      <c r="D63" s="19">
        <v>1701</v>
      </c>
      <c r="E63" s="19">
        <v>1580</v>
      </c>
      <c r="F63" s="19"/>
      <c r="G63" s="18" t="s">
        <v>124</v>
      </c>
      <c r="H63" s="17"/>
      <c r="I63" s="13">
        <v>63</v>
      </c>
      <c r="J63" s="19">
        <v>16</v>
      </c>
      <c r="K63" s="19">
        <v>47</v>
      </c>
    </row>
    <row r="64" spans="1:11" ht="15" customHeight="1">
      <c r="A64" s="17" t="s">
        <v>125</v>
      </c>
      <c r="B64" s="17"/>
      <c r="C64" s="13">
        <v>3312</v>
      </c>
      <c r="D64" s="19">
        <v>1711</v>
      </c>
      <c r="E64" s="19">
        <v>1601</v>
      </c>
      <c r="F64" s="19"/>
      <c r="G64" s="18" t="s">
        <v>126</v>
      </c>
      <c r="H64" s="17"/>
      <c r="I64" s="13">
        <v>48</v>
      </c>
      <c r="J64" s="19">
        <v>5</v>
      </c>
      <c r="K64" s="19">
        <v>43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66</v>
      </c>
      <c r="J65" s="19">
        <v>13</v>
      </c>
      <c r="K65" s="19">
        <v>53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6242</v>
      </c>
      <c r="J66" s="27">
        <v>3637</v>
      </c>
      <c r="K66" s="27">
        <v>2605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38" t="s">
        <v>139</v>
      </c>
      <c r="B2" s="38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206631</v>
      </c>
      <c r="D4" s="14">
        <v>101211</v>
      </c>
      <c r="E4" s="14">
        <v>105420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6381</v>
      </c>
      <c r="D5" s="14">
        <v>3273</v>
      </c>
      <c r="E5" s="14">
        <v>3108</v>
      </c>
      <c r="F5" s="14"/>
      <c r="G5" s="18" t="s">
        <v>8</v>
      </c>
      <c r="H5" s="17"/>
      <c r="I5" s="13">
        <v>16540</v>
      </c>
      <c r="J5" s="14">
        <v>8360</v>
      </c>
      <c r="K5" s="14">
        <v>8180</v>
      </c>
    </row>
    <row r="6" spans="1:11" ht="15" customHeight="1">
      <c r="A6" s="17" t="s">
        <v>9</v>
      </c>
      <c r="B6" s="17"/>
      <c r="C6" s="13">
        <v>1225</v>
      </c>
      <c r="D6" s="19">
        <v>600</v>
      </c>
      <c r="E6" s="19">
        <v>625</v>
      </c>
      <c r="F6" s="19"/>
      <c r="G6" s="18" t="s">
        <v>10</v>
      </c>
      <c r="H6" s="17"/>
      <c r="I6" s="13">
        <v>3321</v>
      </c>
      <c r="J6" s="19">
        <v>1688</v>
      </c>
      <c r="K6" s="19">
        <v>1633</v>
      </c>
    </row>
    <row r="7" spans="1:11" ht="15" customHeight="1">
      <c r="A7" s="17" t="s">
        <v>11</v>
      </c>
      <c r="B7" s="17"/>
      <c r="C7" s="13">
        <v>1212</v>
      </c>
      <c r="D7" s="19">
        <v>648</v>
      </c>
      <c r="E7" s="19">
        <v>564</v>
      </c>
      <c r="F7" s="19"/>
      <c r="G7" s="18" t="s">
        <v>12</v>
      </c>
      <c r="H7" s="17"/>
      <c r="I7" s="13">
        <v>3333</v>
      </c>
      <c r="J7" s="19">
        <v>1666</v>
      </c>
      <c r="K7" s="19">
        <v>1667</v>
      </c>
    </row>
    <row r="8" spans="1:11" ht="15" customHeight="1">
      <c r="A8" s="17" t="s">
        <v>13</v>
      </c>
      <c r="B8" s="17"/>
      <c r="C8" s="13">
        <v>1231</v>
      </c>
      <c r="D8" s="19">
        <v>646</v>
      </c>
      <c r="E8" s="19">
        <v>585</v>
      </c>
      <c r="F8" s="19"/>
      <c r="G8" s="18" t="s">
        <v>14</v>
      </c>
      <c r="H8" s="17"/>
      <c r="I8" s="13">
        <v>3311</v>
      </c>
      <c r="J8" s="19">
        <v>1658</v>
      </c>
      <c r="K8" s="19">
        <v>1653</v>
      </c>
    </row>
    <row r="9" spans="1:11" ht="15" customHeight="1">
      <c r="A9" s="17" t="s">
        <v>15</v>
      </c>
      <c r="B9" s="17"/>
      <c r="C9" s="13">
        <v>1315</v>
      </c>
      <c r="D9" s="19">
        <v>677</v>
      </c>
      <c r="E9" s="19">
        <v>638</v>
      </c>
      <c r="F9" s="19"/>
      <c r="G9" s="18" t="s">
        <v>16</v>
      </c>
      <c r="H9" s="17"/>
      <c r="I9" s="13">
        <v>3264</v>
      </c>
      <c r="J9" s="19">
        <v>1709</v>
      </c>
      <c r="K9" s="19">
        <v>1555</v>
      </c>
    </row>
    <row r="10" spans="1:11" ht="15" customHeight="1">
      <c r="A10" s="17" t="s">
        <v>17</v>
      </c>
      <c r="B10" s="17"/>
      <c r="C10" s="13">
        <v>1398</v>
      </c>
      <c r="D10" s="19">
        <v>702</v>
      </c>
      <c r="E10" s="19">
        <v>696</v>
      </c>
      <c r="F10" s="19"/>
      <c r="G10" s="18" t="s">
        <v>18</v>
      </c>
      <c r="H10" s="17"/>
      <c r="I10" s="13">
        <v>3311</v>
      </c>
      <c r="J10" s="19">
        <v>1639</v>
      </c>
      <c r="K10" s="19">
        <v>1672</v>
      </c>
    </row>
    <row r="11" spans="1:11" ht="20.100000000000001" customHeight="1">
      <c r="A11" s="17" t="s">
        <v>19</v>
      </c>
      <c r="B11" s="17"/>
      <c r="C11" s="13">
        <v>7411</v>
      </c>
      <c r="D11" s="14">
        <v>3849</v>
      </c>
      <c r="E11" s="14">
        <v>3562</v>
      </c>
      <c r="F11" s="14"/>
      <c r="G11" s="18" t="s">
        <v>20</v>
      </c>
      <c r="H11" s="17"/>
      <c r="I11" s="13">
        <v>14209</v>
      </c>
      <c r="J11" s="14">
        <v>7260</v>
      </c>
      <c r="K11" s="14">
        <v>6949</v>
      </c>
    </row>
    <row r="12" spans="1:11" ht="15" customHeight="1">
      <c r="A12" s="17" t="s">
        <v>21</v>
      </c>
      <c r="B12" s="17"/>
      <c r="C12" s="13">
        <v>1509</v>
      </c>
      <c r="D12" s="19">
        <v>792</v>
      </c>
      <c r="E12" s="19">
        <v>717</v>
      </c>
      <c r="F12" s="19"/>
      <c r="G12" s="18" t="s">
        <v>22</v>
      </c>
      <c r="H12" s="17"/>
      <c r="I12" s="13">
        <v>2423</v>
      </c>
      <c r="J12" s="19">
        <v>1211</v>
      </c>
      <c r="K12" s="19">
        <v>1212</v>
      </c>
    </row>
    <row r="13" spans="1:11" ht="15" customHeight="1">
      <c r="A13" s="17" t="s">
        <v>23</v>
      </c>
      <c r="B13" s="17"/>
      <c r="C13" s="13">
        <v>1472</v>
      </c>
      <c r="D13" s="19">
        <v>757</v>
      </c>
      <c r="E13" s="19">
        <v>715</v>
      </c>
      <c r="F13" s="19"/>
      <c r="G13" s="18" t="s">
        <v>24</v>
      </c>
      <c r="H13" s="17"/>
      <c r="I13" s="13">
        <v>3145</v>
      </c>
      <c r="J13" s="19">
        <v>1653</v>
      </c>
      <c r="K13" s="19">
        <v>1492</v>
      </c>
    </row>
    <row r="14" spans="1:11" ht="15" customHeight="1">
      <c r="A14" s="17" t="s">
        <v>25</v>
      </c>
      <c r="B14" s="17"/>
      <c r="C14" s="13">
        <v>1448</v>
      </c>
      <c r="D14" s="19">
        <v>743</v>
      </c>
      <c r="E14" s="19">
        <v>705</v>
      </c>
      <c r="F14" s="19"/>
      <c r="G14" s="18" t="s">
        <v>26</v>
      </c>
      <c r="H14" s="17"/>
      <c r="I14" s="13">
        <v>2985</v>
      </c>
      <c r="J14" s="19">
        <v>1521</v>
      </c>
      <c r="K14" s="19">
        <v>1464</v>
      </c>
    </row>
    <row r="15" spans="1:11" ht="15" customHeight="1">
      <c r="A15" s="17" t="s">
        <v>27</v>
      </c>
      <c r="B15" s="17"/>
      <c r="C15" s="13">
        <v>1465</v>
      </c>
      <c r="D15" s="19">
        <v>779</v>
      </c>
      <c r="E15" s="19">
        <v>686</v>
      </c>
      <c r="F15" s="19"/>
      <c r="G15" s="18" t="s">
        <v>28</v>
      </c>
      <c r="H15" s="17"/>
      <c r="I15" s="13">
        <v>2921</v>
      </c>
      <c r="J15" s="19">
        <v>1465</v>
      </c>
      <c r="K15" s="19">
        <v>1456</v>
      </c>
    </row>
    <row r="16" spans="1:11" ht="15" customHeight="1">
      <c r="A16" s="17" t="s">
        <v>29</v>
      </c>
      <c r="B16" s="17"/>
      <c r="C16" s="13">
        <v>1517</v>
      </c>
      <c r="D16" s="19">
        <v>778</v>
      </c>
      <c r="E16" s="19">
        <v>739</v>
      </c>
      <c r="F16" s="19"/>
      <c r="G16" s="18" t="s">
        <v>30</v>
      </c>
      <c r="H16" s="17"/>
      <c r="I16" s="13">
        <v>2735</v>
      </c>
      <c r="J16" s="19">
        <v>1410</v>
      </c>
      <c r="K16" s="19">
        <v>1325</v>
      </c>
    </row>
    <row r="17" spans="1:11" ht="20.100000000000001" customHeight="1">
      <c r="A17" s="20" t="s">
        <v>31</v>
      </c>
      <c r="B17" s="20"/>
      <c r="C17" s="13">
        <v>7762</v>
      </c>
      <c r="D17" s="14">
        <v>3963</v>
      </c>
      <c r="E17" s="14">
        <v>3799</v>
      </c>
      <c r="F17" s="14"/>
      <c r="G17" s="18" t="s">
        <v>32</v>
      </c>
      <c r="H17" s="17"/>
      <c r="I17" s="13">
        <v>11596</v>
      </c>
      <c r="J17" s="14">
        <v>5906</v>
      </c>
      <c r="K17" s="14">
        <v>5690</v>
      </c>
    </row>
    <row r="18" spans="1:11" ht="15" customHeight="1">
      <c r="A18" s="17" t="s">
        <v>33</v>
      </c>
      <c r="B18" s="17"/>
      <c r="C18" s="13">
        <v>1481</v>
      </c>
      <c r="D18" s="19">
        <v>757</v>
      </c>
      <c r="E18" s="19">
        <v>724</v>
      </c>
      <c r="F18" s="19"/>
      <c r="G18" s="18" t="s">
        <v>34</v>
      </c>
      <c r="H18" s="17"/>
      <c r="I18" s="13">
        <v>2467</v>
      </c>
      <c r="J18" s="19">
        <v>1271</v>
      </c>
      <c r="K18" s="19">
        <v>1196</v>
      </c>
    </row>
    <row r="19" spans="1:11" ht="15" customHeight="1">
      <c r="A19" s="17" t="s">
        <v>35</v>
      </c>
      <c r="B19" s="17"/>
      <c r="C19" s="13">
        <v>1577</v>
      </c>
      <c r="D19" s="19">
        <v>813</v>
      </c>
      <c r="E19" s="19">
        <v>764</v>
      </c>
      <c r="F19" s="19"/>
      <c r="G19" s="18" t="s">
        <v>36</v>
      </c>
      <c r="H19" s="17"/>
      <c r="I19" s="13">
        <v>2428</v>
      </c>
      <c r="J19" s="19">
        <v>1262</v>
      </c>
      <c r="K19" s="19">
        <v>1166</v>
      </c>
    </row>
    <row r="20" spans="1:11" ht="15" customHeight="1">
      <c r="A20" s="17" t="s">
        <v>37</v>
      </c>
      <c r="B20" s="17"/>
      <c r="C20" s="13">
        <v>1529</v>
      </c>
      <c r="D20" s="19">
        <v>787</v>
      </c>
      <c r="E20" s="19">
        <v>742</v>
      </c>
      <c r="F20" s="19"/>
      <c r="G20" s="18" t="s">
        <v>38</v>
      </c>
      <c r="H20" s="17"/>
      <c r="I20" s="13">
        <v>2365</v>
      </c>
      <c r="J20" s="19">
        <v>1202</v>
      </c>
      <c r="K20" s="19">
        <v>1163</v>
      </c>
    </row>
    <row r="21" spans="1:11" ht="15" customHeight="1">
      <c r="A21" s="17" t="s">
        <v>39</v>
      </c>
      <c r="B21" s="17"/>
      <c r="C21" s="13">
        <v>1558</v>
      </c>
      <c r="D21" s="19">
        <v>802</v>
      </c>
      <c r="E21" s="19">
        <v>756</v>
      </c>
      <c r="F21" s="19"/>
      <c r="G21" s="18" t="s">
        <v>40</v>
      </c>
      <c r="H21" s="17"/>
      <c r="I21" s="13">
        <v>2191</v>
      </c>
      <c r="J21" s="19">
        <v>1083</v>
      </c>
      <c r="K21" s="19">
        <v>1108</v>
      </c>
    </row>
    <row r="22" spans="1:11" ht="15" customHeight="1">
      <c r="A22" s="17" t="s">
        <v>41</v>
      </c>
      <c r="B22" s="17"/>
      <c r="C22" s="13">
        <v>1617</v>
      </c>
      <c r="D22" s="19">
        <v>804</v>
      </c>
      <c r="E22" s="19">
        <v>813</v>
      </c>
      <c r="F22" s="19"/>
      <c r="G22" s="18" t="s">
        <v>42</v>
      </c>
      <c r="H22" s="17"/>
      <c r="I22" s="13">
        <v>2145</v>
      </c>
      <c r="J22" s="19">
        <v>1088</v>
      </c>
      <c r="K22" s="19">
        <v>1057</v>
      </c>
    </row>
    <row r="23" spans="1:11" ht="20.100000000000001" customHeight="1">
      <c r="A23" s="17" t="s">
        <v>43</v>
      </c>
      <c r="B23" s="17"/>
      <c r="C23" s="13">
        <v>8349</v>
      </c>
      <c r="D23" s="14">
        <v>4290</v>
      </c>
      <c r="E23" s="14">
        <v>4059</v>
      </c>
      <c r="F23" s="14"/>
      <c r="G23" s="18" t="s">
        <v>44</v>
      </c>
      <c r="H23" s="17"/>
      <c r="I23" s="13">
        <v>10967</v>
      </c>
      <c r="J23" s="14">
        <v>5451</v>
      </c>
      <c r="K23" s="14">
        <v>5516</v>
      </c>
    </row>
    <row r="24" spans="1:11" ht="15" customHeight="1">
      <c r="A24" s="17" t="s">
        <v>45</v>
      </c>
      <c r="B24" s="17"/>
      <c r="C24" s="13">
        <v>1552</v>
      </c>
      <c r="D24" s="19">
        <v>759</v>
      </c>
      <c r="E24" s="19">
        <v>793</v>
      </c>
      <c r="F24" s="19"/>
      <c r="G24" s="18" t="s">
        <v>46</v>
      </c>
      <c r="H24" s="17"/>
      <c r="I24" s="13">
        <v>2175</v>
      </c>
      <c r="J24" s="19">
        <v>1130</v>
      </c>
      <c r="K24" s="19">
        <v>1045</v>
      </c>
    </row>
    <row r="25" spans="1:11" ht="15" customHeight="1">
      <c r="A25" s="17" t="s">
        <v>47</v>
      </c>
      <c r="B25" s="17"/>
      <c r="C25" s="13">
        <v>1566</v>
      </c>
      <c r="D25" s="19">
        <v>819</v>
      </c>
      <c r="E25" s="19">
        <v>747</v>
      </c>
      <c r="F25" s="19"/>
      <c r="G25" s="18" t="s">
        <v>48</v>
      </c>
      <c r="H25" s="17"/>
      <c r="I25" s="13">
        <v>2117</v>
      </c>
      <c r="J25" s="19">
        <v>1080</v>
      </c>
      <c r="K25" s="19">
        <v>1037</v>
      </c>
    </row>
    <row r="26" spans="1:11" ht="15" customHeight="1">
      <c r="A26" s="17" t="s">
        <v>49</v>
      </c>
      <c r="B26" s="17"/>
      <c r="C26" s="13">
        <v>1629</v>
      </c>
      <c r="D26" s="19">
        <v>834</v>
      </c>
      <c r="E26" s="19">
        <v>795</v>
      </c>
      <c r="F26" s="19"/>
      <c r="G26" s="18" t="s">
        <v>50</v>
      </c>
      <c r="H26" s="17"/>
      <c r="I26" s="13">
        <v>2145</v>
      </c>
      <c r="J26" s="19">
        <v>1034</v>
      </c>
      <c r="K26" s="19">
        <v>1111</v>
      </c>
    </row>
    <row r="27" spans="1:11" ht="15" customHeight="1">
      <c r="A27" s="17" t="s">
        <v>51</v>
      </c>
      <c r="B27" s="17"/>
      <c r="C27" s="13">
        <v>1715</v>
      </c>
      <c r="D27" s="19">
        <v>891</v>
      </c>
      <c r="E27" s="19">
        <v>824</v>
      </c>
      <c r="F27" s="19"/>
      <c r="G27" s="18" t="s">
        <v>52</v>
      </c>
      <c r="H27" s="17"/>
      <c r="I27" s="13">
        <v>2145</v>
      </c>
      <c r="J27" s="19">
        <v>1028</v>
      </c>
      <c r="K27" s="19">
        <v>1117</v>
      </c>
    </row>
    <row r="28" spans="1:11" ht="15" customHeight="1">
      <c r="A28" s="17" t="s">
        <v>53</v>
      </c>
      <c r="B28" s="17"/>
      <c r="C28" s="13">
        <v>1887</v>
      </c>
      <c r="D28" s="19">
        <v>987</v>
      </c>
      <c r="E28" s="19">
        <v>900</v>
      </c>
      <c r="F28" s="19"/>
      <c r="G28" s="18" t="s">
        <v>54</v>
      </c>
      <c r="H28" s="17"/>
      <c r="I28" s="13">
        <v>2385</v>
      </c>
      <c r="J28" s="19">
        <v>1179</v>
      </c>
      <c r="K28" s="19">
        <v>1206</v>
      </c>
    </row>
    <row r="29" spans="1:11" ht="20.100000000000001" customHeight="1">
      <c r="A29" s="17" t="s">
        <v>55</v>
      </c>
      <c r="B29" s="17"/>
      <c r="C29" s="13">
        <v>12408</v>
      </c>
      <c r="D29" s="14">
        <v>6587</v>
      </c>
      <c r="E29" s="14">
        <v>5821</v>
      </c>
      <c r="F29" s="14"/>
      <c r="G29" s="18" t="s">
        <v>56</v>
      </c>
      <c r="H29" s="17"/>
      <c r="I29" s="13">
        <v>13870</v>
      </c>
      <c r="J29" s="14">
        <v>6527</v>
      </c>
      <c r="K29" s="14">
        <v>7343</v>
      </c>
    </row>
    <row r="30" spans="1:11" ht="15" customHeight="1">
      <c r="A30" s="17" t="s">
        <v>57</v>
      </c>
      <c r="B30" s="17"/>
      <c r="C30" s="13">
        <v>2230</v>
      </c>
      <c r="D30" s="19">
        <v>1228</v>
      </c>
      <c r="E30" s="19">
        <v>1002</v>
      </c>
      <c r="F30" s="19"/>
      <c r="G30" s="18" t="s">
        <v>58</v>
      </c>
      <c r="H30" s="17"/>
      <c r="I30" s="13">
        <v>2441</v>
      </c>
      <c r="J30" s="19">
        <v>1187</v>
      </c>
      <c r="K30" s="19">
        <v>1254</v>
      </c>
    </row>
    <row r="31" spans="1:11" ht="15" customHeight="1">
      <c r="A31" s="17" t="s">
        <v>59</v>
      </c>
      <c r="B31" s="17"/>
      <c r="C31" s="13">
        <v>2419</v>
      </c>
      <c r="D31" s="19">
        <v>1285</v>
      </c>
      <c r="E31" s="19">
        <v>1134</v>
      </c>
      <c r="F31" s="19"/>
      <c r="G31" s="18" t="s">
        <v>60</v>
      </c>
      <c r="H31" s="17"/>
      <c r="I31" s="13">
        <v>2624</v>
      </c>
      <c r="J31" s="19">
        <v>1260</v>
      </c>
      <c r="K31" s="19">
        <v>1364</v>
      </c>
    </row>
    <row r="32" spans="1:11" ht="15" customHeight="1">
      <c r="A32" s="17" t="s">
        <v>61</v>
      </c>
      <c r="B32" s="17"/>
      <c r="C32" s="13">
        <v>2501</v>
      </c>
      <c r="D32" s="19">
        <v>1351</v>
      </c>
      <c r="E32" s="19">
        <v>1150</v>
      </c>
      <c r="F32" s="19"/>
      <c r="G32" s="18" t="s">
        <v>62</v>
      </c>
      <c r="H32" s="17"/>
      <c r="I32" s="13">
        <v>3095</v>
      </c>
      <c r="J32" s="19">
        <v>1418</v>
      </c>
      <c r="K32" s="19">
        <v>1677</v>
      </c>
    </row>
    <row r="33" spans="1:11" ht="15" customHeight="1">
      <c r="A33" s="17" t="s">
        <v>63</v>
      </c>
      <c r="B33" s="17"/>
      <c r="C33" s="13">
        <v>2739</v>
      </c>
      <c r="D33" s="19">
        <v>1441</v>
      </c>
      <c r="E33" s="19">
        <v>1298</v>
      </c>
      <c r="F33" s="19"/>
      <c r="G33" s="18" t="s">
        <v>64</v>
      </c>
      <c r="H33" s="17"/>
      <c r="I33" s="13">
        <v>2829</v>
      </c>
      <c r="J33" s="19">
        <v>1307</v>
      </c>
      <c r="K33" s="19">
        <v>1522</v>
      </c>
    </row>
    <row r="34" spans="1:11" ht="15" customHeight="1">
      <c r="A34" s="17" t="s">
        <v>65</v>
      </c>
      <c r="B34" s="17"/>
      <c r="C34" s="13">
        <v>2519</v>
      </c>
      <c r="D34" s="19">
        <v>1282</v>
      </c>
      <c r="E34" s="19">
        <v>1237</v>
      </c>
      <c r="F34" s="19"/>
      <c r="G34" s="18" t="s">
        <v>66</v>
      </c>
      <c r="H34" s="17"/>
      <c r="I34" s="13">
        <v>2881</v>
      </c>
      <c r="J34" s="19">
        <v>1355</v>
      </c>
      <c r="K34" s="19">
        <v>1526</v>
      </c>
    </row>
    <row r="35" spans="1:11" ht="20.100000000000001" customHeight="1">
      <c r="A35" s="17" t="s">
        <v>67</v>
      </c>
      <c r="B35" s="17"/>
      <c r="C35" s="13">
        <v>11367</v>
      </c>
      <c r="D35" s="14">
        <v>5860</v>
      </c>
      <c r="E35" s="14">
        <v>5507</v>
      </c>
      <c r="F35" s="14"/>
      <c r="G35" s="18" t="s">
        <v>68</v>
      </c>
      <c r="H35" s="17"/>
      <c r="I35" s="13">
        <v>10279</v>
      </c>
      <c r="J35" s="14">
        <v>4424</v>
      </c>
      <c r="K35" s="14">
        <v>5855</v>
      </c>
    </row>
    <row r="36" spans="1:11" ht="15" customHeight="1">
      <c r="A36" s="17" t="s">
        <v>69</v>
      </c>
      <c r="B36" s="17"/>
      <c r="C36" s="13">
        <v>2532</v>
      </c>
      <c r="D36" s="19">
        <v>1321</v>
      </c>
      <c r="E36" s="19">
        <v>1211</v>
      </c>
      <c r="F36" s="19"/>
      <c r="G36" s="18" t="s">
        <v>70</v>
      </c>
      <c r="H36" s="17"/>
      <c r="I36" s="13">
        <v>1884</v>
      </c>
      <c r="J36" s="19">
        <v>865</v>
      </c>
      <c r="K36" s="19">
        <v>1019</v>
      </c>
    </row>
    <row r="37" spans="1:11" ht="15" customHeight="1">
      <c r="A37" s="17" t="s">
        <v>71</v>
      </c>
      <c r="B37" s="17"/>
      <c r="C37" s="13">
        <v>2229</v>
      </c>
      <c r="D37" s="19">
        <v>1117</v>
      </c>
      <c r="E37" s="19">
        <v>1112</v>
      </c>
      <c r="F37" s="19"/>
      <c r="G37" s="18" t="s">
        <v>72</v>
      </c>
      <c r="H37" s="17"/>
      <c r="I37" s="13">
        <v>1767</v>
      </c>
      <c r="J37" s="19">
        <v>771</v>
      </c>
      <c r="K37" s="19">
        <v>996</v>
      </c>
    </row>
    <row r="38" spans="1:11" ht="15" customHeight="1">
      <c r="A38" s="17" t="s">
        <v>73</v>
      </c>
      <c r="B38" s="17"/>
      <c r="C38" s="13">
        <v>2301</v>
      </c>
      <c r="D38" s="19">
        <v>1185</v>
      </c>
      <c r="E38" s="19">
        <v>1116</v>
      </c>
      <c r="F38" s="19"/>
      <c r="G38" s="18" t="s">
        <v>74</v>
      </c>
      <c r="H38" s="17"/>
      <c r="I38" s="13">
        <v>2156</v>
      </c>
      <c r="J38" s="19">
        <v>916</v>
      </c>
      <c r="K38" s="19">
        <v>1240</v>
      </c>
    </row>
    <row r="39" spans="1:11" ht="15" customHeight="1">
      <c r="A39" s="17" t="s">
        <v>75</v>
      </c>
      <c r="B39" s="17"/>
      <c r="C39" s="13">
        <v>2210</v>
      </c>
      <c r="D39" s="19">
        <v>1149</v>
      </c>
      <c r="E39" s="19">
        <v>1061</v>
      </c>
      <c r="F39" s="19"/>
      <c r="G39" s="18" t="s">
        <v>76</v>
      </c>
      <c r="H39" s="17"/>
      <c r="I39" s="13">
        <v>2255</v>
      </c>
      <c r="J39" s="19">
        <v>959</v>
      </c>
      <c r="K39" s="19">
        <v>1296</v>
      </c>
    </row>
    <row r="40" spans="1:11" ht="15" customHeight="1">
      <c r="A40" s="17" t="s">
        <v>77</v>
      </c>
      <c r="B40" s="17"/>
      <c r="C40" s="13">
        <v>2095</v>
      </c>
      <c r="D40" s="19">
        <v>1088</v>
      </c>
      <c r="E40" s="19">
        <v>1007</v>
      </c>
      <c r="F40" s="19"/>
      <c r="G40" s="18" t="s">
        <v>78</v>
      </c>
      <c r="H40" s="17"/>
      <c r="I40" s="13">
        <v>2217</v>
      </c>
      <c r="J40" s="19">
        <v>913</v>
      </c>
      <c r="K40" s="19">
        <v>1304</v>
      </c>
    </row>
    <row r="41" spans="1:11" ht="20.100000000000001" customHeight="1">
      <c r="A41" s="17" t="s">
        <v>79</v>
      </c>
      <c r="B41" s="17"/>
      <c r="C41" s="13">
        <v>10297</v>
      </c>
      <c r="D41" s="14">
        <v>5357</v>
      </c>
      <c r="E41" s="14">
        <v>4940</v>
      </c>
      <c r="F41" s="14"/>
      <c r="G41" s="18" t="s">
        <v>80</v>
      </c>
      <c r="H41" s="17"/>
      <c r="I41" s="13">
        <v>8949</v>
      </c>
      <c r="J41" s="14">
        <v>3598</v>
      </c>
      <c r="K41" s="14">
        <v>5351</v>
      </c>
    </row>
    <row r="42" spans="1:11" ht="15" customHeight="1">
      <c r="A42" s="17" t="s">
        <v>81</v>
      </c>
      <c r="B42" s="17"/>
      <c r="C42" s="13">
        <v>2100</v>
      </c>
      <c r="D42" s="19">
        <v>1108</v>
      </c>
      <c r="E42" s="19">
        <v>992</v>
      </c>
      <c r="F42" s="19"/>
      <c r="G42" s="18" t="s">
        <v>82</v>
      </c>
      <c r="H42" s="17"/>
      <c r="I42" s="13">
        <v>2133</v>
      </c>
      <c r="J42" s="19">
        <v>850</v>
      </c>
      <c r="K42" s="19">
        <v>1283</v>
      </c>
    </row>
    <row r="43" spans="1:11" ht="15" customHeight="1">
      <c r="A43" s="17" t="s">
        <v>83</v>
      </c>
      <c r="B43" s="17"/>
      <c r="C43" s="13">
        <v>2018</v>
      </c>
      <c r="D43" s="19">
        <v>1048</v>
      </c>
      <c r="E43" s="19">
        <v>970</v>
      </c>
      <c r="F43" s="19"/>
      <c r="G43" s="18" t="s">
        <v>84</v>
      </c>
      <c r="H43" s="17"/>
      <c r="I43" s="13">
        <v>1983</v>
      </c>
      <c r="J43" s="19">
        <v>815</v>
      </c>
      <c r="K43" s="19">
        <v>1168</v>
      </c>
    </row>
    <row r="44" spans="1:11" ht="15" customHeight="1">
      <c r="A44" s="17" t="s">
        <v>85</v>
      </c>
      <c r="B44" s="17"/>
      <c r="C44" s="13">
        <v>1958</v>
      </c>
      <c r="D44" s="19">
        <v>1021</v>
      </c>
      <c r="E44" s="19">
        <v>937</v>
      </c>
      <c r="F44" s="19"/>
      <c r="G44" s="18" t="s">
        <v>86</v>
      </c>
      <c r="H44" s="17"/>
      <c r="I44" s="13">
        <v>1643</v>
      </c>
      <c r="J44" s="19">
        <v>667</v>
      </c>
      <c r="K44" s="19">
        <v>976</v>
      </c>
    </row>
    <row r="45" spans="1:11" ht="15" customHeight="1">
      <c r="A45" s="17" t="s">
        <v>87</v>
      </c>
      <c r="B45" s="17"/>
      <c r="C45" s="13">
        <v>2127</v>
      </c>
      <c r="D45" s="19">
        <v>1089</v>
      </c>
      <c r="E45" s="19">
        <v>1038</v>
      </c>
      <c r="F45" s="19"/>
      <c r="G45" s="18" t="s">
        <v>88</v>
      </c>
      <c r="H45" s="17"/>
      <c r="I45" s="13">
        <v>1548</v>
      </c>
      <c r="J45" s="19">
        <v>634</v>
      </c>
      <c r="K45" s="19">
        <v>914</v>
      </c>
    </row>
    <row r="46" spans="1:11" ht="15" customHeight="1">
      <c r="A46" s="17" t="s">
        <v>89</v>
      </c>
      <c r="B46" s="17"/>
      <c r="C46" s="13">
        <v>2094</v>
      </c>
      <c r="D46" s="19">
        <v>1091</v>
      </c>
      <c r="E46" s="19">
        <v>1003</v>
      </c>
      <c r="F46" s="19"/>
      <c r="G46" s="18" t="s">
        <v>90</v>
      </c>
      <c r="H46" s="17"/>
      <c r="I46" s="13">
        <v>1642</v>
      </c>
      <c r="J46" s="19">
        <v>632</v>
      </c>
      <c r="K46" s="19">
        <v>1010</v>
      </c>
    </row>
    <row r="47" spans="1:11" ht="20.100000000000001" customHeight="1">
      <c r="A47" s="17" t="s">
        <v>91</v>
      </c>
      <c r="B47" s="17"/>
      <c r="C47" s="13">
        <v>11520</v>
      </c>
      <c r="D47" s="14">
        <v>5949</v>
      </c>
      <c r="E47" s="14">
        <v>5571</v>
      </c>
      <c r="F47" s="14"/>
      <c r="G47" s="18" t="s">
        <v>92</v>
      </c>
      <c r="H47" s="17"/>
      <c r="I47" s="13">
        <v>6262</v>
      </c>
      <c r="J47" s="14">
        <v>2242</v>
      </c>
      <c r="K47" s="14">
        <v>4020</v>
      </c>
    </row>
    <row r="48" spans="1:11" ht="15" customHeight="1">
      <c r="A48" s="17" t="s">
        <v>93</v>
      </c>
      <c r="B48" s="17"/>
      <c r="C48" s="13">
        <v>2174</v>
      </c>
      <c r="D48" s="19">
        <v>1163</v>
      </c>
      <c r="E48" s="19">
        <v>1011</v>
      </c>
      <c r="F48" s="19"/>
      <c r="G48" s="18" t="s">
        <v>94</v>
      </c>
      <c r="H48" s="17"/>
      <c r="I48" s="13">
        <v>1483</v>
      </c>
      <c r="J48" s="19">
        <v>567</v>
      </c>
      <c r="K48" s="19">
        <v>916</v>
      </c>
    </row>
    <row r="49" spans="1:11" ht="15" customHeight="1">
      <c r="A49" s="17" t="s">
        <v>95</v>
      </c>
      <c r="B49" s="17"/>
      <c r="C49" s="13">
        <v>2197</v>
      </c>
      <c r="D49" s="19">
        <v>1077</v>
      </c>
      <c r="E49" s="19">
        <v>1120</v>
      </c>
      <c r="F49" s="19"/>
      <c r="G49" s="18" t="s">
        <v>96</v>
      </c>
      <c r="H49" s="17"/>
      <c r="I49" s="13">
        <v>1468</v>
      </c>
      <c r="J49" s="19">
        <v>554</v>
      </c>
      <c r="K49" s="19">
        <v>914</v>
      </c>
    </row>
    <row r="50" spans="1:11" ht="15" customHeight="1">
      <c r="A50" s="17" t="s">
        <v>97</v>
      </c>
      <c r="B50" s="17"/>
      <c r="C50" s="13">
        <v>2398</v>
      </c>
      <c r="D50" s="19">
        <v>1220</v>
      </c>
      <c r="E50" s="19">
        <v>1178</v>
      </c>
      <c r="F50" s="19"/>
      <c r="G50" s="18" t="s">
        <v>98</v>
      </c>
      <c r="H50" s="17"/>
      <c r="I50" s="13">
        <v>1212</v>
      </c>
      <c r="J50" s="19">
        <v>413</v>
      </c>
      <c r="K50" s="19">
        <v>799</v>
      </c>
    </row>
    <row r="51" spans="1:11" ht="15" customHeight="1">
      <c r="A51" s="17" t="s">
        <v>99</v>
      </c>
      <c r="B51" s="17"/>
      <c r="C51" s="13">
        <v>2389</v>
      </c>
      <c r="D51" s="19">
        <v>1262</v>
      </c>
      <c r="E51" s="19">
        <v>1127</v>
      </c>
      <c r="F51" s="19"/>
      <c r="G51" s="18" t="s">
        <v>100</v>
      </c>
      <c r="H51" s="17"/>
      <c r="I51" s="13">
        <v>1116</v>
      </c>
      <c r="J51" s="19">
        <v>384</v>
      </c>
      <c r="K51" s="19">
        <v>732</v>
      </c>
    </row>
    <row r="52" spans="1:11" ht="15" customHeight="1">
      <c r="A52" s="17" t="s">
        <v>101</v>
      </c>
      <c r="B52" s="17"/>
      <c r="C52" s="13">
        <v>2362</v>
      </c>
      <c r="D52" s="19">
        <v>1227</v>
      </c>
      <c r="E52" s="19">
        <v>1135</v>
      </c>
      <c r="F52" s="19"/>
      <c r="G52" s="18" t="s">
        <v>102</v>
      </c>
      <c r="H52" s="17"/>
      <c r="I52" s="13">
        <v>983</v>
      </c>
      <c r="J52" s="19">
        <v>324</v>
      </c>
      <c r="K52" s="19">
        <v>659</v>
      </c>
    </row>
    <row r="53" spans="1:11" ht="20.100000000000001" customHeight="1">
      <c r="A53" s="17" t="s">
        <v>103</v>
      </c>
      <c r="B53" s="17"/>
      <c r="C53" s="13">
        <v>13036</v>
      </c>
      <c r="D53" s="14">
        <v>6631</v>
      </c>
      <c r="E53" s="14">
        <v>6405</v>
      </c>
      <c r="F53" s="14"/>
      <c r="G53" s="18" t="s">
        <v>104</v>
      </c>
      <c r="H53" s="17"/>
      <c r="I53" s="13">
        <v>2877</v>
      </c>
      <c r="J53" s="14">
        <v>872</v>
      </c>
      <c r="K53" s="14">
        <v>2005</v>
      </c>
    </row>
    <row r="54" spans="1:11" ht="15" customHeight="1">
      <c r="A54" s="17" t="s">
        <v>105</v>
      </c>
      <c r="B54" s="17"/>
      <c r="C54" s="13">
        <v>2532</v>
      </c>
      <c r="D54" s="19">
        <v>1269</v>
      </c>
      <c r="E54" s="19">
        <v>1263</v>
      </c>
      <c r="F54" s="19"/>
      <c r="G54" s="18" t="s">
        <v>106</v>
      </c>
      <c r="H54" s="17"/>
      <c r="I54" s="13">
        <v>809</v>
      </c>
      <c r="J54" s="19">
        <v>260</v>
      </c>
      <c r="K54" s="19">
        <v>549</v>
      </c>
    </row>
    <row r="55" spans="1:11" ht="15" customHeight="1">
      <c r="A55" s="17" t="s">
        <v>107</v>
      </c>
      <c r="B55" s="17"/>
      <c r="C55" s="13">
        <v>2510</v>
      </c>
      <c r="D55" s="19">
        <v>1251</v>
      </c>
      <c r="E55" s="19">
        <v>1259</v>
      </c>
      <c r="F55" s="19"/>
      <c r="G55" s="18" t="s">
        <v>108</v>
      </c>
      <c r="H55" s="17"/>
      <c r="I55" s="13">
        <v>709</v>
      </c>
      <c r="J55" s="19">
        <v>229</v>
      </c>
      <c r="K55" s="19">
        <v>480</v>
      </c>
    </row>
    <row r="56" spans="1:11" ht="15" customHeight="1">
      <c r="A56" s="17" t="s">
        <v>109</v>
      </c>
      <c r="B56" s="17"/>
      <c r="C56" s="13">
        <v>2536</v>
      </c>
      <c r="D56" s="19">
        <v>1296</v>
      </c>
      <c r="E56" s="19">
        <v>1240</v>
      </c>
      <c r="F56" s="19"/>
      <c r="G56" s="18" t="s">
        <v>110</v>
      </c>
      <c r="H56" s="17"/>
      <c r="I56" s="13">
        <v>526</v>
      </c>
      <c r="J56" s="19">
        <v>157</v>
      </c>
      <c r="K56" s="19">
        <v>369</v>
      </c>
    </row>
    <row r="57" spans="1:11" ht="15" customHeight="1">
      <c r="A57" s="17" t="s">
        <v>111</v>
      </c>
      <c r="B57" s="17"/>
      <c r="C57" s="13">
        <v>2732</v>
      </c>
      <c r="D57" s="19">
        <v>1405</v>
      </c>
      <c r="E57" s="19">
        <v>1327</v>
      </c>
      <c r="F57" s="19"/>
      <c r="G57" s="18" t="s">
        <v>112</v>
      </c>
      <c r="H57" s="17"/>
      <c r="I57" s="13">
        <v>505</v>
      </c>
      <c r="J57" s="19">
        <v>133</v>
      </c>
      <c r="K57" s="19">
        <v>372</v>
      </c>
    </row>
    <row r="58" spans="1:11" ht="15" customHeight="1">
      <c r="A58" s="17" t="s">
        <v>113</v>
      </c>
      <c r="B58" s="17"/>
      <c r="C58" s="13">
        <v>2726</v>
      </c>
      <c r="D58" s="19">
        <v>1410</v>
      </c>
      <c r="E58" s="19">
        <v>1316</v>
      </c>
      <c r="F58" s="19"/>
      <c r="G58" s="18" t="s">
        <v>114</v>
      </c>
      <c r="H58" s="17"/>
      <c r="I58" s="13">
        <v>328</v>
      </c>
      <c r="J58" s="19">
        <v>93</v>
      </c>
      <c r="K58" s="19">
        <v>235</v>
      </c>
    </row>
    <row r="59" spans="1:11" ht="20.100000000000001" customHeight="1">
      <c r="A59" s="17" t="s">
        <v>115</v>
      </c>
      <c r="B59" s="17"/>
      <c r="C59" s="13">
        <v>15388</v>
      </c>
      <c r="D59" s="14">
        <v>7825</v>
      </c>
      <c r="E59" s="14">
        <v>7563</v>
      </c>
      <c r="F59" s="14"/>
      <c r="G59" s="18" t="s">
        <v>116</v>
      </c>
      <c r="H59" s="17"/>
      <c r="I59" s="13">
        <v>769</v>
      </c>
      <c r="J59" s="14">
        <v>168</v>
      </c>
      <c r="K59" s="14">
        <v>601</v>
      </c>
    </row>
    <row r="60" spans="1:11" ht="15" customHeight="1">
      <c r="A60" s="17" t="s">
        <v>117</v>
      </c>
      <c r="B60" s="17"/>
      <c r="C60" s="13">
        <v>2827</v>
      </c>
      <c r="D60" s="19">
        <v>1427</v>
      </c>
      <c r="E60" s="19">
        <v>1400</v>
      </c>
      <c r="F60" s="19"/>
      <c r="G60" s="18" t="s">
        <v>118</v>
      </c>
      <c r="H60" s="17"/>
      <c r="I60" s="13">
        <v>270</v>
      </c>
      <c r="J60" s="19">
        <v>82</v>
      </c>
      <c r="K60" s="19">
        <v>188</v>
      </c>
    </row>
    <row r="61" spans="1:11" ht="15" customHeight="1">
      <c r="A61" s="17" t="s">
        <v>119</v>
      </c>
      <c r="B61" s="17"/>
      <c r="C61" s="13">
        <v>2876</v>
      </c>
      <c r="D61" s="19">
        <v>1473</v>
      </c>
      <c r="E61" s="19">
        <v>1403</v>
      </c>
      <c r="F61" s="19"/>
      <c r="G61" s="18" t="s">
        <v>120</v>
      </c>
      <c r="H61" s="17"/>
      <c r="I61" s="13">
        <v>221</v>
      </c>
      <c r="J61" s="19">
        <v>48</v>
      </c>
      <c r="K61" s="19">
        <v>173</v>
      </c>
    </row>
    <row r="62" spans="1:11" ht="15" customHeight="1">
      <c r="A62" s="17" t="s">
        <v>121</v>
      </c>
      <c r="B62" s="17"/>
      <c r="C62" s="13">
        <v>3143</v>
      </c>
      <c r="D62" s="19">
        <v>1602</v>
      </c>
      <c r="E62" s="19">
        <v>1541</v>
      </c>
      <c r="F62" s="19"/>
      <c r="G62" s="18" t="s">
        <v>122</v>
      </c>
      <c r="H62" s="17"/>
      <c r="I62" s="13">
        <v>132</v>
      </c>
      <c r="J62" s="19">
        <v>19</v>
      </c>
      <c r="K62" s="19">
        <v>113</v>
      </c>
    </row>
    <row r="63" spans="1:11" ht="15" customHeight="1">
      <c r="A63" s="17" t="s">
        <v>123</v>
      </c>
      <c r="B63" s="17"/>
      <c r="C63" s="13">
        <v>3233</v>
      </c>
      <c r="D63" s="19">
        <v>1653</v>
      </c>
      <c r="E63" s="19">
        <v>1580</v>
      </c>
      <c r="F63" s="19"/>
      <c r="G63" s="18" t="s">
        <v>124</v>
      </c>
      <c r="H63" s="17"/>
      <c r="I63" s="13">
        <v>82</v>
      </c>
      <c r="J63" s="19">
        <v>11</v>
      </c>
      <c r="K63" s="19">
        <v>71</v>
      </c>
    </row>
    <row r="64" spans="1:11" ht="15" customHeight="1">
      <c r="A64" s="17" t="s">
        <v>125</v>
      </c>
      <c r="B64" s="17"/>
      <c r="C64" s="13">
        <v>3309</v>
      </c>
      <c r="D64" s="19">
        <v>1670</v>
      </c>
      <c r="E64" s="19">
        <v>1639</v>
      </c>
      <c r="F64" s="19"/>
      <c r="G64" s="18" t="s">
        <v>126</v>
      </c>
      <c r="H64" s="17"/>
      <c r="I64" s="13">
        <v>64</v>
      </c>
      <c r="J64" s="19">
        <v>8</v>
      </c>
      <c r="K64" s="19">
        <v>56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113</v>
      </c>
      <c r="J65" s="19">
        <v>20</v>
      </c>
      <c r="K65" s="19">
        <v>93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6281</v>
      </c>
      <c r="J66" s="27">
        <v>2799</v>
      </c>
      <c r="K66" s="27">
        <v>3482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79"/>
  <sheetViews>
    <sheetView zoomScale="75" zoomScaleNormal="75" workbookViewId="0"/>
  </sheetViews>
  <sheetFormatPr defaultRowHeight="13.5"/>
  <cols>
    <col min="1" max="1" width="9.25" style="4" customWidth="1"/>
    <col min="2" max="2" width="0.875" style="4" customWidth="1"/>
    <col min="3" max="5" width="13.75" style="4" customWidth="1"/>
    <col min="6" max="6" width="0.875" style="4" customWidth="1"/>
    <col min="7" max="7" width="9.25" style="4" customWidth="1"/>
    <col min="8" max="8" width="0.875" style="4" customWidth="1"/>
    <col min="9" max="11" width="13.75" style="4" customWidth="1"/>
    <col min="12" max="18" width="9" style="4" customWidth="1"/>
    <col min="19" max="16384" width="9" style="4"/>
  </cols>
  <sheetData>
    <row r="1" spans="1:11" ht="24" customHeight="1">
      <c r="A1" s="1" t="s">
        <v>0</v>
      </c>
      <c r="B1" s="2"/>
      <c r="C1" s="3"/>
      <c r="D1" s="3"/>
      <c r="E1" s="3"/>
      <c r="F1" s="3"/>
      <c r="G1" s="3"/>
      <c r="H1" s="3"/>
      <c r="I1" s="3"/>
      <c r="J1" s="3"/>
      <c r="K1" s="3"/>
    </row>
    <row r="2" spans="1:11" ht="26.1" customHeight="1">
      <c r="A2" s="5" t="s">
        <v>140</v>
      </c>
      <c r="B2" s="5"/>
      <c r="C2" s="8"/>
      <c r="D2" s="8"/>
      <c r="E2" s="8"/>
      <c r="F2" s="8"/>
      <c r="G2" s="8"/>
      <c r="H2" s="8"/>
      <c r="I2" s="40" t="s">
        <v>2</v>
      </c>
      <c r="J2" s="41"/>
      <c r="K2" s="41"/>
    </row>
    <row r="3" spans="1:11" ht="15" customHeight="1">
      <c r="A3" s="9" t="s">
        <v>3</v>
      </c>
      <c r="B3" s="9"/>
      <c r="C3" s="10" t="s">
        <v>4</v>
      </c>
      <c r="D3" s="10" t="s">
        <v>5</v>
      </c>
      <c r="E3" s="10" t="s">
        <v>6</v>
      </c>
      <c r="F3" s="9"/>
      <c r="G3" s="11" t="s">
        <v>3</v>
      </c>
      <c r="H3" s="9"/>
      <c r="I3" s="10" t="s">
        <v>4</v>
      </c>
      <c r="J3" s="10" t="s">
        <v>5</v>
      </c>
      <c r="K3" s="10" t="s">
        <v>6</v>
      </c>
    </row>
    <row r="4" spans="1:11" ht="20.100000000000001" customHeight="1">
      <c r="A4" s="12" t="s">
        <v>4</v>
      </c>
      <c r="B4" s="12"/>
      <c r="C4" s="13">
        <v>166260</v>
      </c>
      <c r="D4" s="14">
        <v>81745</v>
      </c>
      <c r="E4" s="14">
        <v>84515</v>
      </c>
      <c r="F4" s="14"/>
      <c r="G4" s="15"/>
      <c r="H4" s="12"/>
      <c r="I4" s="16"/>
      <c r="J4" s="12"/>
      <c r="K4" s="12"/>
    </row>
    <row r="5" spans="1:11" ht="20.100000000000001" customHeight="1">
      <c r="A5" s="17" t="s">
        <v>7</v>
      </c>
      <c r="B5" s="17"/>
      <c r="C5" s="13">
        <v>5592</v>
      </c>
      <c r="D5" s="14">
        <v>2806</v>
      </c>
      <c r="E5" s="14">
        <v>2786</v>
      </c>
      <c r="F5" s="14"/>
      <c r="G5" s="18" t="s">
        <v>8</v>
      </c>
      <c r="H5" s="17"/>
      <c r="I5" s="13">
        <v>13029</v>
      </c>
      <c r="J5" s="14">
        <v>6583</v>
      </c>
      <c r="K5" s="14">
        <v>6446</v>
      </c>
    </row>
    <row r="6" spans="1:11" ht="15" customHeight="1">
      <c r="A6" s="17" t="s">
        <v>9</v>
      </c>
      <c r="B6" s="17"/>
      <c r="C6" s="13">
        <v>1083</v>
      </c>
      <c r="D6" s="19">
        <v>540</v>
      </c>
      <c r="E6" s="19">
        <v>543</v>
      </c>
      <c r="F6" s="19"/>
      <c r="G6" s="18" t="s">
        <v>10</v>
      </c>
      <c r="H6" s="17"/>
      <c r="I6" s="13">
        <v>2704</v>
      </c>
      <c r="J6" s="19">
        <v>1394</v>
      </c>
      <c r="K6" s="19">
        <v>1310</v>
      </c>
    </row>
    <row r="7" spans="1:11" ht="15" customHeight="1">
      <c r="A7" s="17" t="s">
        <v>11</v>
      </c>
      <c r="B7" s="17"/>
      <c r="C7" s="13">
        <v>1046</v>
      </c>
      <c r="D7" s="19">
        <v>530</v>
      </c>
      <c r="E7" s="19">
        <v>516</v>
      </c>
      <c r="F7" s="19"/>
      <c r="G7" s="18" t="s">
        <v>12</v>
      </c>
      <c r="H7" s="17"/>
      <c r="I7" s="13">
        <v>2652</v>
      </c>
      <c r="J7" s="19">
        <v>1398</v>
      </c>
      <c r="K7" s="19">
        <v>1254</v>
      </c>
    </row>
    <row r="8" spans="1:11" ht="15" customHeight="1">
      <c r="A8" s="17" t="s">
        <v>13</v>
      </c>
      <c r="B8" s="17"/>
      <c r="C8" s="13">
        <v>1060</v>
      </c>
      <c r="D8" s="19">
        <v>506</v>
      </c>
      <c r="E8" s="19">
        <v>554</v>
      </c>
      <c r="F8" s="19"/>
      <c r="G8" s="18" t="s">
        <v>14</v>
      </c>
      <c r="H8" s="17"/>
      <c r="I8" s="13">
        <v>2549</v>
      </c>
      <c r="J8" s="19">
        <v>1263</v>
      </c>
      <c r="K8" s="19">
        <v>1286</v>
      </c>
    </row>
    <row r="9" spans="1:11" ht="15" customHeight="1">
      <c r="A9" s="17" t="s">
        <v>15</v>
      </c>
      <c r="B9" s="17"/>
      <c r="C9" s="13">
        <v>1182</v>
      </c>
      <c r="D9" s="19">
        <v>608</v>
      </c>
      <c r="E9" s="19">
        <v>574</v>
      </c>
      <c r="F9" s="19"/>
      <c r="G9" s="18" t="s">
        <v>16</v>
      </c>
      <c r="H9" s="17"/>
      <c r="I9" s="13">
        <v>2522</v>
      </c>
      <c r="J9" s="19">
        <v>1244</v>
      </c>
      <c r="K9" s="19">
        <v>1278</v>
      </c>
    </row>
    <row r="10" spans="1:11" ht="15" customHeight="1">
      <c r="A10" s="17" t="s">
        <v>17</v>
      </c>
      <c r="B10" s="17"/>
      <c r="C10" s="13">
        <v>1221</v>
      </c>
      <c r="D10" s="19">
        <v>622</v>
      </c>
      <c r="E10" s="19">
        <v>599</v>
      </c>
      <c r="F10" s="19"/>
      <c r="G10" s="18" t="s">
        <v>18</v>
      </c>
      <c r="H10" s="17"/>
      <c r="I10" s="13">
        <v>2602</v>
      </c>
      <c r="J10" s="19">
        <v>1284</v>
      </c>
      <c r="K10" s="19">
        <v>1318</v>
      </c>
    </row>
    <row r="11" spans="1:11" ht="20.100000000000001" customHeight="1">
      <c r="A11" s="17" t="s">
        <v>19</v>
      </c>
      <c r="B11" s="17"/>
      <c r="C11" s="13">
        <v>6441</v>
      </c>
      <c r="D11" s="14">
        <v>3321</v>
      </c>
      <c r="E11" s="14">
        <v>3120</v>
      </c>
      <c r="F11" s="14"/>
      <c r="G11" s="18" t="s">
        <v>20</v>
      </c>
      <c r="H11" s="17"/>
      <c r="I11" s="13">
        <v>10707</v>
      </c>
      <c r="J11" s="14">
        <v>5398</v>
      </c>
      <c r="K11" s="14">
        <v>5309</v>
      </c>
    </row>
    <row r="12" spans="1:11" ht="15" customHeight="1">
      <c r="A12" s="17" t="s">
        <v>21</v>
      </c>
      <c r="B12" s="17"/>
      <c r="C12" s="13">
        <v>1237</v>
      </c>
      <c r="D12" s="19">
        <v>618</v>
      </c>
      <c r="E12" s="19">
        <v>619</v>
      </c>
      <c r="F12" s="19"/>
      <c r="G12" s="18" t="s">
        <v>22</v>
      </c>
      <c r="H12" s="17"/>
      <c r="I12" s="13">
        <v>1824</v>
      </c>
      <c r="J12" s="19">
        <v>953</v>
      </c>
      <c r="K12" s="19">
        <v>871</v>
      </c>
    </row>
    <row r="13" spans="1:11" ht="15" customHeight="1">
      <c r="A13" s="17" t="s">
        <v>23</v>
      </c>
      <c r="B13" s="17"/>
      <c r="C13" s="13">
        <v>1284</v>
      </c>
      <c r="D13" s="19">
        <v>655</v>
      </c>
      <c r="E13" s="19">
        <v>629</v>
      </c>
      <c r="F13" s="19"/>
      <c r="G13" s="18" t="s">
        <v>24</v>
      </c>
      <c r="H13" s="17"/>
      <c r="I13" s="13">
        <v>2406</v>
      </c>
      <c r="J13" s="19">
        <v>1222</v>
      </c>
      <c r="K13" s="19">
        <v>1184</v>
      </c>
    </row>
    <row r="14" spans="1:11" ht="15" customHeight="1">
      <c r="A14" s="17" t="s">
        <v>25</v>
      </c>
      <c r="B14" s="17"/>
      <c r="C14" s="13">
        <v>1279</v>
      </c>
      <c r="D14" s="19">
        <v>679</v>
      </c>
      <c r="E14" s="19">
        <v>600</v>
      </c>
      <c r="F14" s="19"/>
      <c r="G14" s="18" t="s">
        <v>26</v>
      </c>
      <c r="H14" s="17"/>
      <c r="I14" s="13">
        <v>2227</v>
      </c>
      <c r="J14" s="19">
        <v>1096</v>
      </c>
      <c r="K14" s="19">
        <v>1131</v>
      </c>
    </row>
    <row r="15" spans="1:11" ht="15" customHeight="1">
      <c r="A15" s="17" t="s">
        <v>27</v>
      </c>
      <c r="B15" s="17"/>
      <c r="C15" s="13">
        <v>1297</v>
      </c>
      <c r="D15" s="19">
        <v>675</v>
      </c>
      <c r="E15" s="19">
        <v>622</v>
      </c>
      <c r="F15" s="19"/>
      <c r="G15" s="18" t="s">
        <v>28</v>
      </c>
      <c r="H15" s="17"/>
      <c r="I15" s="13">
        <v>2203</v>
      </c>
      <c r="J15" s="19">
        <v>1118</v>
      </c>
      <c r="K15" s="19">
        <v>1085</v>
      </c>
    </row>
    <row r="16" spans="1:11" ht="15" customHeight="1">
      <c r="A16" s="17" t="s">
        <v>29</v>
      </c>
      <c r="B16" s="17"/>
      <c r="C16" s="13">
        <v>1344</v>
      </c>
      <c r="D16" s="19">
        <v>694</v>
      </c>
      <c r="E16" s="19">
        <v>650</v>
      </c>
      <c r="F16" s="19"/>
      <c r="G16" s="18" t="s">
        <v>30</v>
      </c>
      <c r="H16" s="17"/>
      <c r="I16" s="13">
        <v>2047</v>
      </c>
      <c r="J16" s="19">
        <v>1009</v>
      </c>
      <c r="K16" s="19">
        <v>1038</v>
      </c>
    </row>
    <row r="17" spans="1:11" ht="20.100000000000001" customHeight="1">
      <c r="A17" s="20" t="s">
        <v>31</v>
      </c>
      <c r="B17" s="20"/>
      <c r="C17" s="13">
        <v>6589</v>
      </c>
      <c r="D17" s="14">
        <v>3414</v>
      </c>
      <c r="E17" s="14">
        <v>3175</v>
      </c>
      <c r="F17" s="14"/>
      <c r="G17" s="18" t="s">
        <v>32</v>
      </c>
      <c r="H17" s="17"/>
      <c r="I17" s="13">
        <v>9487</v>
      </c>
      <c r="J17" s="14">
        <v>4706</v>
      </c>
      <c r="K17" s="14">
        <v>4781</v>
      </c>
    </row>
    <row r="18" spans="1:11" ht="15" customHeight="1">
      <c r="A18" s="17" t="s">
        <v>33</v>
      </c>
      <c r="B18" s="17"/>
      <c r="C18" s="13">
        <v>1269</v>
      </c>
      <c r="D18" s="19">
        <v>673</v>
      </c>
      <c r="E18" s="19">
        <v>596</v>
      </c>
      <c r="F18" s="19"/>
      <c r="G18" s="18" t="s">
        <v>34</v>
      </c>
      <c r="H18" s="17"/>
      <c r="I18" s="13">
        <v>1999</v>
      </c>
      <c r="J18" s="19">
        <v>1016</v>
      </c>
      <c r="K18" s="19">
        <v>983</v>
      </c>
    </row>
    <row r="19" spans="1:11" ht="15" customHeight="1">
      <c r="A19" s="17" t="s">
        <v>35</v>
      </c>
      <c r="B19" s="17"/>
      <c r="C19" s="13">
        <v>1286</v>
      </c>
      <c r="D19" s="19">
        <v>651</v>
      </c>
      <c r="E19" s="19">
        <v>635</v>
      </c>
      <c r="F19" s="19"/>
      <c r="G19" s="18" t="s">
        <v>36</v>
      </c>
      <c r="H19" s="17"/>
      <c r="I19" s="13">
        <v>1992</v>
      </c>
      <c r="J19" s="19">
        <v>1004</v>
      </c>
      <c r="K19" s="19">
        <v>988</v>
      </c>
    </row>
    <row r="20" spans="1:11" ht="15" customHeight="1">
      <c r="A20" s="17" t="s">
        <v>37</v>
      </c>
      <c r="B20" s="17"/>
      <c r="C20" s="13">
        <v>1343</v>
      </c>
      <c r="D20" s="19">
        <v>701</v>
      </c>
      <c r="E20" s="19">
        <v>642</v>
      </c>
      <c r="F20" s="19"/>
      <c r="G20" s="18" t="s">
        <v>38</v>
      </c>
      <c r="H20" s="17"/>
      <c r="I20" s="13">
        <v>1834</v>
      </c>
      <c r="J20" s="19">
        <v>886</v>
      </c>
      <c r="K20" s="19">
        <v>948</v>
      </c>
    </row>
    <row r="21" spans="1:11" ht="15" customHeight="1">
      <c r="A21" s="17" t="s">
        <v>39</v>
      </c>
      <c r="B21" s="17"/>
      <c r="C21" s="13">
        <v>1404</v>
      </c>
      <c r="D21" s="19">
        <v>720</v>
      </c>
      <c r="E21" s="19">
        <v>684</v>
      </c>
      <c r="F21" s="19"/>
      <c r="G21" s="18" t="s">
        <v>40</v>
      </c>
      <c r="H21" s="17"/>
      <c r="I21" s="13">
        <v>1878</v>
      </c>
      <c r="J21" s="19">
        <v>927</v>
      </c>
      <c r="K21" s="19">
        <v>951</v>
      </c>
    </row>
    <row r="22" spans="1:11" ht="15" customHeight="1">
      <c r="A22" s="17" t="s">
        <v>41</v>
      </c>
      <c r="B22" s="17"/>
      <c r="C22" s="13">
        <v>1287</v>
      </c>
      <c r="D22" s="19">
        <v>669</v>
      </c>
      <c r="E22" s="19">
        <v>618</v>
      </c>
      <c r="F22" s="19"/>
      <c r="G22" s="18" t="s">
        <v>42</v>
      </c>
      <c r="H22" s="17"/>
      <c r="I22" s="13">
        <v>1784</v>
      </c>
      <c r="J22" s="19">
        <v>873</v>
      </c>
      <c r="K22" s="19">
        <v>911</v>
      </c>
    </row>
    <row r="23" spans="1:11" ht="20.100000000000001" customHeight="1">
      <c r="A23" s="17" t="s">
        <v>43</v>
      </c>
      <c r="B23" s="17"/>
      <c r="C23" s="13">
        <v>6475</v>
      </c>
      <c r="D23" s="14">
        <v>3334</v>
      </c>
      <c r="E23" s="14">
        <v>3141</v>
      </c>
      <c r="F23" s="14"/>
      <c r="G23" s="18" t="s">
        <v>44</v>
      </c>
      <c r="H23" s="17"/>
      <c r="I23" s="13">
        <v>9314</v>
      </c>
      <c r="J23" s="14">
        <v>4544</v>
      </c>
      <c r="K23" s="14">
        <v>4770</v>
      </c>
    </row>
    <row r="24" spans="1:11" ht="15" customHeight="1">
      <c r="A24" s="17" t="s">
        <v>45</v>
      </c>
      <c r="B24" s="17"/>
      <c r="C24" s="13">
        <v>1256</v>
      </c>
      <c r="D24" s="19">
        <v>645</v>
      </c>
      <c r="E24" s="19">
        <v>611</v>
      </c>
      <c r="F24" s="19"/>
      <c r="G24" s="18" t="s">
        <v>46</v>
      </c>
      <c r="H24" s="17"/>
      <c r="I24" s="13">
        <v>1756</v>
      </c>
      <c r="J24" s="19">
        <v>859</v>
      </c>
      <c r="K24" s="19">
        <v>897</v>
      </c>
    </row>
    <row r="25" spans="1:11" ht="15" customHeight="1">
      <c r="A25" s="17" t="s">
        <v>47</v>
      </c>
      <c r="B25" s="17"/>
      <c r="C25" s="13">
        <v>1249</v>
      </c>
      <c r="D25" s="19">
        <v>637</v>
      </c>
      <c r="E25" s="19">
        <v>612</v>
      </c>
      <c r="F25" s="19"/>
      <c r="G25" s="18" t="s">
        <v>48</v>
      </c>
      <c r="H25" s="17"/>
      <c r="I25" s="13">
        <v>1863</v>
      </c>
      <c r="J25" s="19">
        <v>945</v>
      </c>
      <c r="K25" s="19">
        <v>918</v>
      </c>
    </row>
    <row r="26" spans="1:11" ht="15" customHeight="1">
      <c r="A26" s="17" t="s">
        <v>49</v>
      </c>
      <c r="B26" s="17"/>
      <c r="C26" s="13">
        <v>1274</v>
      </c>
      <c r="D26" s="19">
        <v>671</v>
      </c>
      <c r="E26" s="19">
        <v>603</v>
      </c>
      <c r="F26" s="19"/>
      <c r="G26" s="18" t="s">
        <v>50</v>
      </c>
      <c r="H26" s="17"/>
      <c r="I26" s="13">
        <v>1712</v>
      </c>
      <c r="J26" s="19">
        <v>852</v>
      </c>
      <c r="K26" s="19">
        <v>860</v>
      </c>
    </row>
    <row r="27" spans="1:11" ht="15" customHeight="1">
      <c r="A27" s="17" t="s">
        <v>51</v>
      </c>
      <c r="B27" s="17"/>
      <c r="C27" s="13">
        <v>1295</v>
      </c>
      <c r="D27" s="19">
        <v>678</v>
      </c>
      <c r="E27" s="19">
        <v>617</v>
      </c>
      <c r="F27" s="19"/>
      <c r="G27" s="18" t="s">
        <v>52</v>
      </c>
      <c r="H27" s="17"/>
      <c r="I27" s="13">
        <v>1854</v>
      </c>
      <c r="J27" s="19">
        <v>850</v>
      </c>
      <c r="K27" s="19">
        <v>1004</v>
      </c>
    </row>
    <row r="28" spans="1:11" ht="15" customHeight="1">
      <c r="A28" s="17" t="s">
        <v>53</v>
      </c>
      <c r="B28" s="17"/>
      <c r="C28" s="13">
        <v>1401</v>
      </c>
      <c r="D28" s="19">
        <v>703</v>
      </c>
      <c r="E28" s="19">
        <v>698</v>
      </c>
      <c r="F28" s="19"/>
      <c r="G28" s="18" t="s">
        <v>54</v>
      </c>
      <c r="H28" s="17"/>
      <c r="I28" s="13">
        <v>2129</v>
      </c>
      <c r="J28" s="19">
        <v>1038</v>
      </c>
      <c r="K28" s="19">
        <v>1091</v>
      </c>
    </row>
    <row r="29" spans="1:11" ht="20.100000000000001" customHeight="1">
      <c r="A29" s="17" t="s">
        <v>55</v>
      </c>
      <c r="B29" s="17"/>
      <c r="C29" s="13">
        <v>7419</v>
      </c>
      <c r="D29" s="14">
        <v>3711</v>
      </c>
      <c r="E29" s="14">
        <v>3708</v>
      </c>
      <c r="F29" s="14"/>
      <c r="G29" s="18" t="s">
        <v>56</v>
      </c>
      <c r="H29" s="17"/>
      <c r="I29" s="13">
        <v>11883</v>
      </c>
      <c r="J29" s="14">
        <v>5589</v>
      </c>
      <c r="K29" s="14">
        <v>6294</v>
      </c>
    </row>
    <row r="30" spans="1:11" ht="15" customHeight="1">
      <c r="A30" s="17" t="s">
        <v>57</v>
      </c>
      <c r="B30" s="17"/>
      <c r="C30" s="13">
        <v>1462</v>
      </c>
      <c r="D30" s="19">
        <v>724</v>
      </c>
      <c r="E30" s="19">
        <v>738</v>
      </c>
      <c r="F30" s="19"/>
      <c r="G30" s="18" t="s">
        <v>58</v>
      </c>
      <c r="H30" s="17"/>
      <c r="I30" s="13">
        <v>2078</v>
      </c>
      <c r="J30" s="19">
        <v>972</v>
      </c>
      <c r="K30" s="19">
        <v>1106</v>
      </c>
    </row>
    <row r="31" spans="1:11" ht="15" customHeight="1">
      <c r="A31" s="17" t="s">
        <v>59</v>
      </c>
      <c r="B31" s="17"/>
      <c r="C31" s="13">
        <v>1476</v>
      </c>
      <c r="D31" s="19">
        <v>741</v>
      </c>
      <c r="E31" s="19">
        <v>735</v>
      </c>
      <c r="F31" s="19"/>
      <c r="G31" s="18" t="s">
        <v>60</v>
      </c>
      <c r="H31" s="17"/>
      <c r="I31" s="13">
        <v>2226</v>
      </c>
      <c r="J31" s="19">
        <v>1060</v>
      </c>
      <c r="K31" s="19">
        <v>1166</v>
      </c>
    </row>
    <row r="32" spans="1:11" ht="15" customHeight="1">
      <c r="A32" s="17" t="s">
        <v>61</v>
      </c>
      <c r="B32" s="17"/>
      <c r="C32" s="13">
        <v>1503</v>
      </c>
      <c r="D32" s="19">
        <v>741</v>
      </c>
      <c r="E32" s="19">
        <v>762</v>
      </c>
      <c r="F32" s="19"/>
      <c r="G32" s="18" t="s">
        <v>62</v>
      </c>
      <c r="H32" s="17"/>
      <c r="I32" s="13">
        <v>2557</v>
      </c>
      <c r="J32" s="19">
        <v>1213</v>
      </c>
      <c r="K32" s="19">
        <v>1344</v>
      </c>
    </row>
    <row r="33" spans="1:11" ht="15" customHeight="1">
      <c r="A33" s="17" t="s">
        <v>63</v>
      </c>
      <c r="B33" s="17"/>
      <c r="C33" s="13">
        <v>1476</v>
      </c>
      <c r="D33" s="19">
        <v>755</v>
      </c>
      <c r="E33" s="19">
        <v>721</v>
      </c>
      <c r="F33" s="19"/>
      <c r="G33" s="18" t="s">
        <v>64</v>
      </c>
      <c r="H33" s="17"/>
      <c r="I33" s="13">
        <v>2531</v>
      </c>
      <c r="J33" s="19">
        <v>1173</v>
      </c>
      <c r="K33" s="19">
        <v>1358</v>
      </c>
    </row>
    <row r="34" spans="1:11" ht="15" customHeight="1">
      <c r="A34" s="17" t="s">
        <v>65</v>
      </c>
      <c r="B34" s="17"/>
      <c r="C34" s="13">
        <v>1502</v>
      </c>
      <c r="D34" s="19">
        <v>750</v>
      </c>
      <c r="E34" s="19">
        <v>752</v>
      </c>
      <c r="F34" s="19"/>
      <c r="G34" s="18" t="s">
        <v>66</v>
      </c>
      <c r="H34" s="17"/>
      <c r="I34" s="13">
        <v>2491</v>
      </c>
      <c r="J34" s="19">
        <v>1171</v>
      </c>
      <c r="K34" s="19">
        <v>1320</v>
      </c>
    </row>
    <row r="35" spans="1:11" ht="20.100000000000001" customHeight="1">
      <c r="A35" s="17" t="s">
        <v>67</v>
      </c>
      <c r="B35" s="17"/>
      <c r="C35" s="13">
        <v>7384</v>
      </c>
      <c r="D35" s="14">
        <v>3848</v>
      </c>
      <c r="E35" s="14">
        <v>3536</v>
      </c>
      <c r="F35" s="14"/>
      <c r="G35" s="18" t="s">
        <v>68</v>
      </c>
      <c r="H35" s="17"/>
      <c r="I35" s="13">
        <v>9012</v>
      </c>
      <c r="J35" s="14">
        <v>3984</v>
      </c>
      <c r="K35" s="14">
        <v>5028</v>
      </c>
    </row>
    <row r="36" spans="1:11" ht="15" customHeight="1">
      <c r="A36" s="17" t="s">
        <v>69</v>
      </c>
      <c r="B36" s="17"/>
      <c r="C36" s="13">
        <v>1516</v>
      </c>
      <c r="D36" s="19">
        <v>785</v>
      </c>
      <c r="E36" s="19">
        <v>731</v>
      </c>
      <c r="F36" s="19"/>
      <c r="G36" s="18" t="s">
        <v>70</v>
      </c>
      <c r="H36" s="17"/>
      <c r="I36" s="13">
        <v>1798</v>
      </c>
      <c r="J36" s="19">
        <v>845</v>
      </c>
      <c r="K36" s="19">
        <v>953</v>
      </c>
    </row>
    <row r="37" spans="1:11" ht="15" customHeight="1">
      <c r="A37" s="17" t="s">
        <v>71</v>
      </c>
      <c r="B37" s="17"/>
      <c r="C37" s="13">
        <v>1511</v>
      </c>
      <c r="D37" s="19">
        <v>802</v>
      </c>
      <c r="E37" s="19">
        <v>709</v>
      </c>
      <c r="F37" s="19"/>
      <c r="G37" s="18" t="s">
        <v>72</v>
      </c>
      <c r="H37" s="17"/>
      <c r="I37" s="13">
        <v>1538</v>
      </c>
      <c r="J37" s="19">
        <v>683</v>
      </c>
      <c r="K37" s="19">
        <v>855</v>
      </c>
    </row>
    <row r="38" spans="1:11" ht="15" customHeight="1">
      <c r="A38" s="17" t="s">
        <v>73</v>
      </c>
      <c r="B38" s="17"/>
      <c r="C38" s="13">
        <v>1507</v>
      </c>
      <c r="D38" s="19">
        <v>789</v>
      </c>
      <c r="E38" s="19">
        <v>718</v>
      </c>
      <c r="F38" s="19"/>
      <c r="G38" s="18" t="s">
        <v>74</v>
      </c>
      <c r="H38" s="17"/>
      <c r="I38" s="13">
        <v>1887</v>
      </c>
      <c r="J38" s="19">
        <v>833</v>
      </c>
      <c r="K38" s="19">
        <v>1054</v>
      </c>
    </row>
    <row r="39" spans="1:11" ht="15" customHeight="1">
      <c r="A39" s="17" t="s">
        <v>75</v>
      </c>
      <c r="B39" s="17"/>
      <c r="C39" s="13">
        <v>1396</v>
      </c>
      <c r="D39" s="19">
        <v>727</v>
      </c>
      <c r="E39" s="19">
        <v>669</v>
      </c>
      <c r="F39" s="19"/>
      <c r="G39" s="18" t="s">
        <v>76</v>
      </c>
      <c r="H39" s="17"/>
      <c r="I39" s="13">
        <v>1969</v>
      </c>
      <c r="J39" s="19">
        <v>846</v>
      </c>
      <c r="K39" s="19">
        <v>1123</v>
      </c>
    </row>
    <row r="40" spans="1:11" ht="15" customHeight="1">
      <c r="A40" s="17" t="s">
        <v>77</v>
      </c>
      <c r="B40" s="17"/>
      <c r="C40" s="13">
        <v>1454</v>
      </c>
      <c r="D40" s="19">
        <v>745</v>
      </c>
      <c r="E40" s="19">
        <v>709</v>
      </c>
      <c r="F40" s="19"/>
      <c r="G40" s="18" t="s">
        <v>78</v>
      </c>
      <c r="H40" s="17"/>
      <c r="I40" s="13">
        <v>1820</v>
      </c>
      <c r="J40" s="19">
        <v>777</v>
      </c>
      <c r="K40" s="19">
        <v>1043</v>
      </c>
    </row>
    <row r="41" spans="1:11" ht="20.100000000000001" customHeight="1">
      <c r="A41" s="17" t="s">
        <v>79</v>
      </c>
      <c r="B41" s="17"/>
      <c r="C41" s="13">
        <v>7869</v>
      </c>
      <c r="D41" s="14">
        <v>4059</v>
      </c>
      <c r="E41" s="14">
        <v>3810</v>
      </c>
      <c r="F41" s="14"/>
      <c r="G41" s="18" t="s">
        <v>80</v>
      </c>
      <c r="H41" s="17"/>
      <c r="I41" s="13">
        <v>7330</v>
      </c>
      <c r="J41" s="14">
        <v>3004</v>
      </c>
      <c r="K41" s="14">
        <v>4326</v>
      </c>
    </row>
    <row r="42" spans="1:11" ht="15" customHeight="1">
      <c r="A42" s="17" t="s">
        <v>81</v>
      </c>
      <c r="B42" s="17"/>
      <c r="C42" s="13">
        <v>1498</v>
      </c>
      <c r="D42" s="19">
        <v>793</v>
      </c>
      <c r="E42" s="19">
        <v>705</v>
      </c>
      <c r="F42" s="19"/>
      <c r="G42" s="18" t="s">
        <v>82</v>
      </c>
      <c r="H42" s="17"/>
      <c r="I42" s="13">
        <v>1826</v>
      </c>
      <c r="J42" s="19">
        <v>769</v>
      </c>
      <c r="K42" s="19">
        <v>1057</v>
      </c>
    </row>
    <row r="43" spans="1:11" ht="15" customHeight="1">
      <c r="A43" s="17" t="s">
        <v>83</v>
      </c>
      <c r="B43" s="17"/>
      <c r="C43" s="13">
        <v>1508</v>
      </c>
      <c r="D43" s="19">
        <v>788</v>
      </c>
      <c r="E43" s="19">
        <v>720</v>
      </c>
      <c r="F43" s="19"/>
      <c r="G43" s="18" t="s">
        <v>84</v>
      </c>
      <c r="H43" s="17"/>
      <c r="I43" s="13">
        <v>1594</v>
      </c>
      <c r="J43" s="19">
        <v>661</v>
      </c>
      <c r="K43" s="19">
        <v>933</v>
      </c>
    </row>
    <row r="44" spans="1:11" ht="15" customHeight="1">
      <c r="A44" s="17" t="s">
        <v>85</v>
      </c>
      <c r="B44" s="17"/>
      <c r="C44" s="13">
        <v>1485</v>
      </c>
      <c r="D44" s="19">
        <v>745</v>
      </c>
      <c r="E44" s="19">
        <v>740</v>
      </c>
      <c r="F44" s="19"/>
      <c r="G44" s="18" t="s">
        <v>86</v>
      </c>
      <c r="H44" s="17"/>
      <c r="I44" s="13">
        <v>1442</v>
      </c>
      <c r="J44" s="19">
        <v>574</v>
      </c>
      <c r="K44" s="19">
        <v>868</v>
      </c>
    </row>
    <row r="45" spans="1:11" ht="15" customHeight="1">
      <c r="A45" s="17" t="s">
        <v>87</v>
      </c>
      <c r="B45" s="17"/>
      <c r="C45" s="13">
        <v>1679</v>
      </c>
      <c r="D45" s="19">
        <v>862</v>
      </c>
      <c r="E45" s="19">
        <v>817</v>
      </c>
      <c r="F45" s="19"/>
      <c r="G45" s="18" t="s">
        <v>88</v>
      </c>
      <c r="H45" s="17"/>
      <c r="I45" s="13">
        <v>1155</v>
      </c>
      <c r="J45" s="19">
        <v>481</v>
      </c>
      <c r="K45" s="19">
        <v>674</v>
      </c>
    </row>
    <row r="46" spans="1:11" ht="15" customHeight="1">
      <c r="A46" s="17" t="s">
        <v>89</v>
      </c>
      <c r="B46" s="17"/>
      <c r="C46" s="13">
        <v>1699</v>
      </c>
      <c r="D46" s="19">
        <v>871</v>
      </c>
      <c r="E46" s="19">
        <v>828</v>
      </c>
      <c r="F46" s="19"/>
      <c r="G46" s="18" t="s">
        <v>90</v>
      </c>
      <c r="H46" s="17"/>
      <c r="I46" s="13">
        <v>1313</v>
      </c>
      <c r="J46" s="19">
        <v>519</v>
      </c>
      <c r="K46" s="19">
        <v>794</v>
      </c>
    </row>
    <row r="47" spans="1:11" ht="20.100000000000001" customHeight="1">
      <c r="A47" s="17" t="s">
        <v>91</v>
      </c>
      <c r="B47" s="17"/>
      <c r="C47" s="13">
        <v>9469</v>
      </c>
      <c r="D47" s="14">
        <v>4841</v>
      </c>
      <c r="E47" s="14">
        <v>4628</v>
      </c>
      <c r="F47" s="14"/>
      <c r="G47" s="18" t="s">
        <v>92</v>
      </c>
      <c r="H47" s="17"/>
      <c r="I47" s="13">
        <v>4917</v>
      </c>
      <c r="J47" s="14">
        <v>1830</v>
      </c>
      <c r="K47" s="14">
        <v>3087</v>
      </c>
    </row>
    <row r="48" spans="1:11" ht="15" customHeight="1">
      <c r="A48" s="17" t="s">
        <v>93</v>
      </c>
      <c r="B48" s="17"/>
      <c r="C48" s="13">
        <v>1709</v>
      </c>
      <c r="D48" s="19">
        <v>909</v>
      </c>
      <c r="E48" s="19">
        <v>800</v>
      </c>
      <c r="F48" s="19"/>
      <c r="G48" s="18" t="s">
        <v>94</v>
      </c>
      <c r="H48" s="17"/>
      <c r="I48" s="13">
        <v>1204</v>
      </c>
      <c r="J48" s="19">
        <v>454</v>
      </c>
      <c r="K48" s="19">
        <v>750</v>
      </c>
    </row>
    <row r="49" spans="1:11" ht="15" customHeight="1">
      <c r="A49" s="17" t="s">
        <v>95</v>
      </c>
      <c r="B49" s="17"/>
      <c r="C49" s="13">
        <v>1794</v>
      </c>
      <c r="D49" s="19">
        <v>903</v>
      </c>
      <c r="E49" s="19">
        <v>891</v>
      </c>
      <c r="F49" s="19"/>
      <c r="G49" s="18" t="s">
        <v>96</v>
      </c>
      <c r="H49" s="17"/>
      <c r="I49" s="13">
        <v>1159</v>
      </c>
      <c r="J49" s="19">
        <v>437</v>
      </c>
      <c r="K49" s="19">
        <v>722</v>
      </c>
    </row>
    <row r="50" spans="1:11" ht="15" customHeight="1">
      <c r="A50" s="17" t="s">
        <v>97</v>
      </c>
      <c r="B50" s="17"/>
      <c r="C50" s="13">
        <v>1942</v>
      </c>
      <c r="D50" s="19">
        <v>965</v>
      </c>
      <c r="E50" s="19">
        <v>977</v>
      </c>
      <c r="F50" s="19"/>
      <c r="G50" s="18" t="s">
        <v>98</v>
      </c>
      <c r="H50" s="17"/>
      <c r="I50" s="13">
        <v>933</v>
      </c>
      <c r="J50" s="19">
        <v>356</v>
      </c>
      <c r="K50" s="19">
        <v>577</v>
      </c>
    </row>
    <row r="51" spans="1:11" ht="15" customHeight="1">
      <c r="A51" s="17" t="s">
        <v>99</v>
      </c>
      <c r="B51" s="17"/>
      <c r="C51" s="13">
        <v>1990</v>
      </c>
      <c r="D51" s="19">
        <v>1014</v>
      </c>
      <c r="E51" s="19">
        <v>976</v>
      </c>
      <c r="F51" s="19"/>
      <c r="G51" s="18" t="s">
        <v>100</v>
      </c>
      <c r="H51" s="17"/>
      <c r="I51" s="13">
        <v>858</v>
      </c>
      <c r="J51" s="19">
        <v>311</v>
      </c>
      <c r="K51" s="19">
        <v>547</v>
      </c>
    </row>
    <row r="52" spans="1:11" ht="15" customHeight="1">
      <c r="A52" s="17" t="s">
        <v>101</v>
      </c>
      <c r="B52" s="17"/>
      <c r="C52" s="13">
        <v>2034</v>
      </c>
      <c r="D52" s="19">
        <v>1050</v>
      </c>
      <c r="E52" s="19">
        <v>984</v>
      </c>
      <c r="F52" s="19"/>
      <c r="G52" s="18" t="s">
        <v>102</v>
      </c>
      <c r="H52" s="17"/>
      <c r="I52" s="13">
        <v>763</v>
      </c>
      <c r="J52" s="19">
        <v>272</v>
      </c>
      <c r="K52" s="19">
        <v>491</v>
      </c>
    </row>
    <row r="53" spans="1:11" ht="20.100000000000001" customHeight="1">
      <c r="A53" s="17" t="s">
        <v>103</v>
      </c>
      <c r="B53" s="17"/>
      <c r="C53" s="13">
        <v>10502</v>
      </c>
      <c r="D53" s="14">
        <v>5303</v>
      </c>
      <c r="E53" s="14">
        <v>5199</v>
      </c>
      <c r="F53" s="14"/>
      <c r="G53" s="18" t="s">
        <v>104</v>
      </c>
      <c r="H53" s="17"/>
      <c r="I53" s="13">
        <v>2203</v>
      </c>
      <c r="J53" s="14">
        <v>652</v>
      </c>
      <c r="K53" s="14">
        <v>1551</v>
      </c>
    </row>
    <row r="54" spans="1:11" ht="15" customHeight="1">
      <c r="A54" s="17" t="s">
        <v>105</v>
      </c>
      <c r="B54" s="17"/>
      <c r="C54" s="13">
        <v>1959</v>
      </c>
      <c r="D54" s="19">
        <v>963</v>
      </c>
      <c r="E54" s="19">
        <v>996</v>
      </c>
      <c r="F54" s="19"/>
      <c r="G54" s="18" t="s">
        <v>106</v>
      </c>
      <c r="H54" s="17"/>
      <c r="I54" s="13">
        <v>667</v>
      </c>
      <c r="J54" s="19">
        <v>205</v>
      </c>
      <c r="K54" s="19">
        <v>462</v>
      </c>
    </row>
    <row r="55" spans="1:11" ht="15" customHeight="1">
      <c r="A55" s="17" t="s">
        <v>107</v>
      </c>
      <c r="B55" s="17"/>
      <c r="C55" s="13">
        <v>2094</v>
      </c>
      <c r="D55" s="19">
        <v>1072</v>
      </c>
      <c r="E55" s="19">
        <v>1022</v>
      </c>
      <c r="F55" s="19"/>
      <c r="G55" s="18" t="s">
        <v>108</v>
      </c>
      <c r="H55" s="17"/>
      <c r="I55" s="13">
        <v>486</v>
      </c>
      <c r="J55" s="19">
        <v>152</v>
      </c>
      <c r="K55" s="19">
        <v>334</v>
      </c>
    </row>
    <row r="56" spans="1:11" ht="15" customHeight="1">
      <c r="A56" s="17" t="s">
        <v>109</v>
      </c>
      <c r="B56" s="17"/>
      <c r="C56" s="13">
        <v>2023</v>
      </c>
      <c r="D56" s="19">
        <v>1029</v>
      </c>
      <c r="E56" s="19">
        <v>994</v>
      </c>
      <c r="F56" s="19"/>
      <c r="G56" s="18" t="s">
        <v>110</v>
      </c>
      <c r="H56" s="17"/>
      <c r="I56" s="13">
        <v>448</v>
      </c>
      <c r="J56" s="19">
        <v>131</v>
      </c>
      <c r="K56" s="19">
        <v>317</v>
      </c>
    </row>
    <row r="57" spans="1:11" ht="15" customHeight="1">
      <c r="A57" s="17" t="s">
        <v>111</v>
      </c>
      <c r="B57" s="17"/>
      <c r="C57" s="13">
        <v>2159</v>
      </c>
      <c r="D57" s="19">
        <v>1076</v>
      </c>
      <c r="E57" s="19">
        <v>1083</v>
      </c>
      <c r="F57" s="19"/>
      <c r="G57" s="18" t="s">
        <v>112</v>
      </c>
      <c r="H57" s="17"/>
      <c r="I57" s="13">
        <v>348</v>
      </c>
      <c r="J57" s="19">
        <v>106</v>
      </c>
      <c r="K57" s="19">
        <v>242</v>
      </c>
    </row>
    <row r="58" spans="1:11" ht="15" customHeight="1">
      <c r="A58" s="17" t="s">
        <v>113</v>
      </c>
      <c r="B58" s="17"/>
      <c r="C58" s="13">
        <v>2267</v>
      </c>
      <c r="D58" s="19">
        <v>1163</v>
      </c>
      <c r="E58" s="19">
        <v>1104</v>
      </c>
      <c r="F58" s="19"/>
      <c r="G58" s="18" t="s">
        <v>114</v>
      </c>
      <c r="H58" s="17"/>
      <c r="I58" s="13">
        <v>254</v>
      </c>
      <c r="J58" s="19">
        <v>58</v>
      </c>
      <c r="K58" s="19">
        <v>196</v>
      </c>
    </row>
    <row r="59" spans="1:11" ht="20.100000000000001" customHeight="1">
      <c r="A59" s="17" t="s">
        <v>115</v>
      </c>
      <c r="B59" s="17"/>
      <c r="C59" s="13">
        <v>12926</v>
      </c>
      <c r="D59" s="14">
        <v>6526</v>
      </c>
      <c r="E59" s="14">
        <v>6400</v>
      </c>
      <c r="F59" s="14"/>
      <c r="G59" s="18" t="s">
        <v>116</v>
      </c>
      <c r="H59" s="17"/>
      <c r="I59" s="13">
        <v>487</v>
      </c>
      <c r="J59" s="14">
        <v>126</v>
      </c>
      <c r="K59" s="14">
        <v>361</v>
      </c>
    </row>
    <row r="60" spans="1:11" ht="15" customHeight="1">
      <c r="A60" s="17" t="s">
        <v>117</v>
      </c>
      <c r="B60" s="17"/>
      <c r="C60" s="13">
        <v>2338</v>
      </c>
      <c r="D60" s="19">
        <v>1168</v>
      </c>
      <c r="E60" s="19">
        <v>1170</v>
      </c>
      <c r="F60" s="19"/>
      <c r="G60" s="18" t="s">
        <v>118</v>
      </c>
      <c r="H60" s="17"/>
      <c r="I60" s="13">
        <v>168</v>
      </c>
      <c r="J60" s="19">
        <v>51</v>
      </c>
      <c r="K60" s="19">
        <v>117</v>
      </c>
    </row>
    <row r="61" spans="1:11" ht="15" customHeight="1">
      <c r="A61" s="17" t="s">
        <v>119</v>
      </c>
      <c r="B61" s="17"/>
      <c r="C61" s="13">
        <v>2452</v>
      </c>
      <c r="D61" s="19">
        <v>1233</v>
      </c>
      <c r="E61" s="19">
        <v>1219</v>
      </c>
      <c r="F61" s="19"/>
      <c r="G61" s="18" t="s">
        <v>120</v>
      </c>
      <c r="H61" s="17"/>
      <c r="I61" s="13">
        <v>132</v>
      </c>
      <c r="J61" s="19">
        <v>20</v>
      </c>
      <c r="K61" s="19">
        <v>112</v>
      </c>
    </row>
    <row r="62" spans="1:11" ht="15" customHeight="1">
      <c r="A62" s="17" t="s">
        <v>121</v>
      </c>
      <c r="B62" s="17"/>
      <c r="C62" s="13">
        <v>2603</v>
      </c>
      <c r="D62" s="19">
        <v>1339</v>
      </c>
      <c r="E62" s="19">
        <v>1264</v>
      </c>
      <c r="F62" s="19"/>
      <c r="G62" s="18" t="s">
        <v>122</v>
      </c>
      <c r="H62" s="17"/>
      <c r="I62" s="13">
        <v>84</v>
      </c>
      <c r="J62" s="19">
        <v>27</v>
      </c>
      <c r="K62" s="19">
        <v>57</v>
      </c>
    </row>
    <row r="63" spans="1:11" ht="15" customHeight="1">
      <c r="A63" s="17" t="s">
        <v>123</v>
      </c>
      <c r="B63" s="17"/>
      <c r="C63" s="13">
        <v>2726</v>
      </c>
      <c r="D63" s="19">
        <v>1391</v>
      </c>
      <c r="E63" s="19">
        <v>1335</v>
      </c>
      <c r="F63" s="19"/>
      <c r="G63" s="18" t="s">
        <v>124</v>
      </c>
      <c r="H63" s="17"/>
      <c r="I63" s="13">
        <v>59</v>
      </c>
      <c r="J63" s="19">
        <v>15</v>
      </c>
      <c r="K63" s="19">
        <v>44</v>
      </c>
    </row>
    <row r="64" spans="1:11" ht="15" customHeight="1">
      <c r="A64" s="17" t="s">
        <v>125</v>
      </c>
      <c r="B64" s="17"/>
      <c r="C64" s="13">
        <v>2807</v>
      </c>
      <c r="D64" s="19">
        <v>1395</v>
      </c>
      <c r="E64" s="19">
        <v>1412</v>
      </c>
      <c r="F64" s="19"/>
      <c r="G64" s="18" t="s">
        <v>126</v>
      </c>
      <c r="H64" s="17"/>
      <c r="I64" s="13">
        <v>44</v>
      </c>
      <c r="J64" s="19">
        <v>13</v>
      </c>
      <c r="K64" s="19">
        <v>31</v>
      </c>
    </row>
    <row r="65" spans="1:11" ht="20.100000000000001" customHeight="1">
      <c r="C65" s="21"/>
      <c r="D65" s="22"/>
      <c r="E65" s="22"/>
      <c r="F65" s="22"/>
      <c r="G65" s="18" t="s">
        <v>127</v>
      </c>
      <c r="H65" s="17"/>
      <c r="I65" s="13">
        <v>58</v>
      </c>
      <c r="J65" s="19">
        <v>11</v>
      </c>
      <c r="K65" s="19">
        <v>47</v>
      </c>
    </row>
    <row r="66" spans="1:11" ht="20.100000000000001" customHeight="1">
      <c r="A66" s="8"/>
      <c r="B66" s="8"/>
      <c r="C66" s="23"/>
      <c r="D66" s="8"/>
      <c r="E66" s="8"/>
      <c r="F66" s="8"/>
      <c r="G66" s="24" t="s">
        <v>128</v>
      </c>
      <c r="H66" s="25"/>
      <c r="I66" s="26">
        <v>7167</v>
      </c>
      <c r="J66" s="27">
        <v>4155</v>
      </c>
      <c r="K66" s="27">
        <v>3012</v>
      </c>
    </row>
    <row r="67" spans="1:11">
      <c r="C67" s="22"/>
      <c r="D67" s="22"/>
      <c r="E67" s="22"/>
      <c r="F67" s="22"/>
      <c r="G67" s="22"/>
      <c r="H67" s="22"/>
      <c r="I67" s="22"/>
      <c r="J67" s="22"/>
      <c r="K67" s="22"/>
    </row>
    <row r="68" spans="1:11">
      <c r="F68" s="28"/>
      <c r="G68" s="22"/>
      <c r="H68" s="22"/>
      <c r="I68" s="22"/>
      <c r="J68" s="22"/>
      <c r="K68" s="22"/>
    </row>
    <row r="69" spans="1:11">
      <c r="F69" s="22"/>
      <c r="G69" s="22"/>
      <c r="H69" s="22"/>
      <c r="I69" s="22"/>
      <c r="J69" s="22"/>
      <c r="K69" s="22"/>
    </row>
    <row r="70" spans="1:11">
      <c r="F70" s="22"/>
      <c r="G70" s="22"/>
      <c r="H70" s="22"/>
      <c r="I70" s="22"/>
      <c r="J70" s="22"/>
      <c r="K70" s="22"/>
    </row>
    <row r="71" spans="1:11">
      <c r="F71" s="22"/>
      <c r="G71" s="22"/>
      <c r="H71" s="22"/>
      <c r="I71" s="22"/>
      <c r="J71" s="22"/>
      <c r="K71" s="22"/>
    </row>
    <row r="72" spans="1:11">
      <c r="F72" s="22"/>
      <c r="G72" s="22"/>
      <c r="H72" s="22"/>
      <c r="I72" s="22"/>
      <c r="J72" s="22"/>
      <c r="K72" s="22"/>
    </row>
    <row r="73" spans="1:11">
      <c r="F73" s="22"/>
      <c r="G73" s="22"/>
      <c r="H73" s="22"/>
      <c r="I73" s="22"/>
      <c r="J73" s="22"/>
      <c r="K73" s="22"/>
    </row>
    <row r="74" spans="1:11">
      <c r="G74" s="22"/>
      <c r="H74" s="22"/>
      <c r="I74" s="22"/>
      <c r="J74" s="22"/>
      <c r="K74" s="22"/>
    </row>
    <row r="75" spans="1:11">
      <c r="F75" s="29"/>
      <c r="G75" s="22"/>
      <c r="H75" s="22"/>
      <c r="I75" s="22"/>
      <c r="J75" s="22"/>
      <c r="K75" s="22"/>
    </row>
    <row r="76" spans="1:11">
      <c r="F76" s="22"/>
      <c r="G76" s="22"/>
      <c r="H76" s="22"/>
      <c r="I76" s="22"/>
      <c r="J76" s="22"/>
      <c r="K76" s="22"/>
    </row>
    <row r="77" spans="1:11">
      <c r="F77" s="22"/>
      <c r="G77" s="22"/>
      <c r="H77" s="22"/>
      <c r="I77" s="22"/>
      <c r="J77" s="22"/>
      <c r="K77" s="22"/>
    </row>
    <row r="78" spans="1:11">
      <c r="F78" s="22"/>
      <c r="G78" s="22"/>
      <c r="H78" s="22"/>
      <c r="I78" s="22"/>
      <c r="J78" s="22"/>
      <c r="K78" s="22"/>
    </row>
    <row r="79" spans="1:11">
      <c r="F79" s="22"/>
      <c r="G79" s="22"/>
      <c r="H79" s="22"/>
      <c r="I79" s="22"/>
      <c r="J79" s="22"/>
      <c r="K79" s="22"/>
    </row>
  </sheetData>
  <mergeCells count="1">
    <mergeCell ref="I2:K2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3" firstPageNumber="61" pageOrder="overThenDown" orientation="portrait" blackAndWhite="1" useFirstPageNumber="1" horizontalDpi="300" verticalDpi="300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6</vt:i4>
      </vt:variant>
      <vt:variant>
        <vt:lpstr>名前付き一覧</vt:lpstr>
      </vt:variant>
      <vt:variant>
        <vt:i4>66</vt:i4>
      </vt:variant>
    </vt:vector>
  </HeadingPairs>
  <TitlesOfParts>
    <vt:vector size="132" baseType="lpstr">
      <vt:lpstr>神奈川県</vt:lpstr>
      <vt:lpstr>横浜市</vt:lpstr>
      <vt:lpstr>鶴見区</vt:lpstr>
      <vt:lpstr>神奈川区</vt:lpstr>
      <vt:lpstr>西区</vt:lpstr>
      <vt:lpstr>中区</vt:lpstr>
      <vt:lpstr>南区</vt:lpstr>
      <vt:lpstr>保土ケ谷区</vt:lpstr>
      <vt:lpstr>磯子区</vt:lpstr>
      <vt:lpstr>金沢区</vt:lpstr>
      <vt:lpstr>港北区</vt:lpstr>
      <vt:lpstr>戸塚区</vt:lpstr>
      <vt:lpstr>港南区</vt:lpstr>
      <vt:lpstr>旭区</vt:lpstr>
      <vt:lpstr>緑区</vt:lpstr>
      <vt:lpstr>瀬谷区</vt:lpstr>
      <vt:lpstr>栄区</vt:lpstr>
      <vt:lpstr>泉区</vt:lpstr>
      <vt:lpstr>青葉区</vt:lpstr>
      <vt:lpstr>都筑区</vt:lpstr>
      <vt:lpstr>川崎市</vt:lpstr>
      <vt:lpstr>川崎区</vt:lpstr>
      <vt:lpstr>幸区</vt:lpstr>
      <vt:lpstr>中原区</vt:lpstr>
      <vt:lpstr>高津区</vt:lpstr>
      <vt:lpstr>多摩区</vt:lpstr>
      <vt:lpstr>宮前区</vt:lpstr>
      <vt:lpstr>麻生区</vt:lpstr>
      <vt:lpstr>横須賀三浦</vt:lpstr>
      <vt:lpstr>横須賀市</vt:lpstr>
      <vt:lpstr>鎌倉市</vt:lpstr>
      <vt:lpstr>逗子市</vt:lpstr>
      <vt:lpstr>三浦市</vt:lpstr>
      <vt:lpstr>葉山町</vt:lpstr>
      <vt:lpstr>県央</vt:lpstr>
      <vt:lpstr>相模原市</vt:lpstr>
      <vt:lpstr>緑区(相)</vt:lpstr>
      <vt:lpstr>中央区</vt:lpstr>
      <vt:lpstr>南区(相)</vt:lpstr>
      <vt:lpstr>厚木市</vt:lpstr>
      <vt:lpstr>大和市</vt:lpstr>
      <vt:lpstr>海老名市</vt:lpstr>
      <vt:lpstr>座間市</vt:lpstr>
      <vt:lpstr>綾瀬市</vt:lpstr>
      <vt:lpstr>愛川町</vt:lpstr>
      <vt:lpstr>清川村</vt:lpstr>
      <vt:lpstr>湘南</vt:lpstr>
      <vt:lpstr>平塚市</vt:lpstr>
      <vt:lpstr>藤沢市</vt:lpstr>
      <vt:lpstr>茅ヶ崎市</vt:lpstr>
      <vt:lpstr>秦野市</vt:lpstr>
      <vt:lpstr>伊勢原市</vt:lpstr>
      <vt:lpstr>寒川町</vt:lpstr>
      <vt:lpstr>大磯町</vt:lpstr>
      <vt:lpstr>二宮町</vt:lpstr>
      <vt:lpstr>県西</vt:lpstr>
      <vt:lpstr>小田原市</vt:lpstr>
      <vt:lpstr>南足柄市</vt:lpstr>
      <vt:lpstr>中井町</vt:lpstr>
      <vt:lpstr>大井町</vt:lpstr>
      <vt:lpstr>松田町</vt:lpstr>
      <vt:lpstr>山北町</vt:lpstr>
      <vt:lpstr>開成町</vt:lpstr>
      <vt:lpstr>箱根町</vt:lpstr>
      <vt:lpstr>真鶴町</vt:lpstr>
      <vt:lpstr>湯河原町</vt:lpstr>
      <vt:lpstr>愛川町!Print_Area</vt:lpstr>
      <vt:lpstr>旭区!Print_Area</vt:lpstr>
      <vt:lpstr>綾瀬市!Print_Area</vt:lpstr>
      <vt:lpstr>伊勢原市!Print_Area</vt:lpstr>
      <vt:lpstr>磯子区!Print_Area</vt:lpstr>
      <vt:lpstr>栄区!Print_Area</vt:lpstr>
      <vt:lpstr>横須賀三浦!Print_Area</vt:lpstr>
      <vt:lpstr>横須賀市!Print_Area</vt:lpstr>
      <vt:lpstr>横浜市!Print_Area</vt:lpstr>
      <vt:lpstr>海老名市!Print_Area</vt:lpstr>
      <vt:lpstr>開成町!Print_Area</vt:lpstr>
      <vt:lpstr>鎌倉市!Print_Area</vt:lpstr>
      <vt:lpstr>茅ヶ崎市!Print_Area</vt:lpstr>
      <vt:lpstr>寒川町!Print_Area</vt:lpstr>
      <vt:lpstr>宮前区!Print_Area</vt:lpstr>
      <vt:lpstr>金沢区!Print_Area</vt:lpstr>
      <vt:lpstr>県央!Print_Area</vt:lpstr>
      <vt:lpstr>県西!Print_Area</vt:lpstr>
      <vt:lpstr>戸塚区!Print_Area</vt:lpstr>
      <vt:lpstr>厚木市!Print_Area</vt:lpstr>
      <vt:lpstr>幸区!Print_Area</vt:lpstr>
      <vt:lpstr>港南区!Print_Area</vt:lpstr>
      <vt:lpstr>港北区!Print_Area</vt:lpstr>
      <vt:lpstr>高津区!Print_Area</vt:lpstr>
      <vt:lpstr>座間市!Print_Area</vt:lpstr>
      <vt:lpstr>三浦市!Print_Area</vt:lpstr>
      <vt:lpstr>山北町!Print_Area</vt:lpstr>
      <vt:lpstr>小田原市!Print_Area</vt:lpstr>
      <vt:lpstr>松田町!Print_Area</vt:lpstr>
      <vt:lpstr>湘南!Print_Area</vt:lpstr>
      <vt:lpstr>真鶴町!Print_Area</vt:lpstr>
      <vt:lpstr>神奈川区!Print_Area</vt:lpstr>
      <vt:lpstr>神奈川県!Print_Area</vt:lpstr>
      <vt:lpstr>秦野市!Print_Area</vt:lpstr>
      <vt:lpstr>逗子市!Print_Area</vt:lpstr>
      <vt:lpstr>瀬谷区!Print_Area</vt:lpstr>
      <vt:lpstr>清川村!Print_Area</vt:lpstr>
      <vt:lpstr>西区!Print_Area</vt:lpstr>
      <vt:lpstr>青葉区!Print_Area</vt:lpstr>
      <vt:lpstr>川崎区!Print_Area</vt:lpstr>
      <vt:lpstr>川崎市!Print_Area</vt:lpstr>
      <vt:lpstr>泉区!Print_Area</vt:lpstr>
      <vt:lpstr>相模原市!Print_Area</vt:lpstr>
      <vt:lpstr>多摩区!Print_Area</vt:lpstr>
      <vt:lpstr>大井町!Print_Area</vt:lpstr>
      <vt:lpstr>大磯町!Print_Area</vt:lpstr>
      <vt:lpstr>大和市!Print_Area</vt:lpstr>
      <vt:lpstr>中井町!Print_Area</vt:lpstr>
      <vt:lpstr>中央区!Print_Area</vt:lpstr>
      <vt:lpstr>中区!Print_Area</vt:lpstr>
      <vt:lpstr>中原区!Print_Area</vt:lpstr>
      <vt:lpstr>鶴見区!Print_Area</vt:lpstr>
      <vt:lpstr>都筑区!Print_Area</vt:lpstr>
      <vt:lpstr>湯河原町!Print_Area</vt:lpstr>
      <vt:lpstr>藤沢市!Print_Area</vt:lpstr>
      <vt:lpstr>南区!Print_Area</vt:lpstr>
      <vt:lpstr>'南区(相)'!Print_Area</vt:lpstr>
      <vt:lpstr>南足柄市!Print_Area</vt:lpstr>
      <vt:lpstr>二宮町!Print_Area</vt:lpstr>
      <vt:lpstr>箱根町!Print_Area</vt:lpstr>
      <vt:lpstr>平塚市!Print_Area</vt:lpstr>
      <vt:lpstr>保土ケ谷区!Print_Area</vt:lpstr>
      <vt:lpstr>麻生区!Print_Area</vt:lpstr>
      <vt:lpstr>葉山町!Print_Area</vt:lpstr>
      <vt:lpstr>緑区!Print_Area</vt:lpstr>
      <vt:lpstr>'緑区(相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2-07-04T06:02:29Z</dcterms:created>
  <dcterms:modified xsi:type="dcterms:W3CDTF">2023-06-07T07:57:44Z</dcterms:modified>
</cp:coreProperties>
</file>